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18"/>
  </p:notesMasterIdLst>
  <p:handoutMasterIdLst>
    <p:handoutMasterId r:id="rId19"/>
  </p:handoutMasterIdLst>
  <p:sldIdLst>
    <p:sldId id="324" r:id="rId10"/>
    <p:sldId id="325" r:id="rId11"/>
    <p:sldId id="330" r:id="rId12"/>
    <p:sldId id="359" r:id="rId13"/>
    <p:sldId id="360" r:id="rId14"/>
    <p:sldId id="361" r:id="rId15"/>
    <p:sldId id="362" r:id="rId16"/>
    <p:sldId id="363" r:id="rId1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1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FF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2DE63D5-997A-4646-A377-4702673A728D}" styleName="Light Style 2 - Accent 3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</a:tcStyle>
    </a:band1H>
    <a:band1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1V>
    <a:band2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3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3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014" autoAdjust="0"/>
    <p:restoredTop sz="88549" autoAdjust="0"/>
  </p:normalViewPr>
  <p:slideViewPr>
    <p:cSldViewPr snapToGrid="0" showGuides="1">
      <p:cViewPr varScale="1">
        <p:scale>
          <a:sx n="100" d="100"/>
          <a:sy n="100" d="100"/>
        </p:scale>
        <p:origin x="702" y="84"/>
      </p:cViewPr>
      <p:guideLst/>
    </p:cSldViewPr>
  </p:slideViewPr>
  <p:notesTextViewPr>
    <p:cViewPr>
      <p:scale>
        <a:sx n="1" d="1"/>
        <a:sy n="1" d="1"/>
      </p:scale>
      <p:origin x="0" y="-432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3/01/2023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3/01/2023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You’re never sitting still - </a:t>
            </a:r>
            <a:r>
              <a:rPr lang="en-US" sz="1800" b="1" dirty="0">
                <a:solidFill>
                  <a:schemeClr val="bg1"/>
                </a:solidFill>
              </a:rPr>
              <a:t>You’re either getting better…or getting worse</a:t>
            </a:r>
          </a:p>
          <a:p>
            <a:r>
              <a:rPr lang="en-US" sz="1800" dirty="0">
                <a:solidFill>
                  <a:schemeClr val="bg1"/>
                </a:solidFill>
              </a:rPr>
              <a:t>Scrum teams have Retrospectives (an end-of-sprint “team ceremony” in scrum) that serve the same purpose</a:t>
            </a:r>
          </a:p>
          <a:p>
            <a:r>
              <a:rPr lang="en-US" sz="1800" dirty="0">
                <a:solidFill>
                  <a:schemeClr val="bg1"/>
                </a:solidFill>
              </a:rPr>
              <a:t>Scrum teams are challenged to constantly improve…</a:t>
            </a:r>
          </a:p>
          <a:p>
            <a:r>
              <a:rPr lang="en-US" sz="1800" dirty="0">
                <a:solidFill>
                  <a:schemeClr val="bg1"/>
                </a:solidFill>
              </a:rPr>
              <a:t>  How quickly they deliver value</a:t>
            </a:r>
          </a:p>
          <a:p>
            <a:r>
              <a:rPr lang="en-US" sz="1800" dirty="0">
                <a:solidFill>
                  <a:schemeClr val="bg1"/>
                </a:solidFill>
              </a:rPr>
              <a:t>  Stability of their solutions</a:t>
            </a:r>
          </a:p>
          <a:p>
            <a:r>
              <a:rPr lang="en-US" sz="1800" dirty="0">
                <a:solidFill>
                  <a:schemeClr val="bg1"/>
                </a:solidFill>
              </a:rPr>
              <a:t>  Trust on the team</a:t>
            </a:r>
          </a:p>
          <a:p>
            <a:r>
              <a:rPr lang="en-US" sz="1800" dirty="0">
                <a:solidFill>
                  <a:schemeClr val="bg1"/>
                </a:solidFill>
              </a:rPr>
              <a:t>  Skills on the team</a:t>
            </a:r>
          </a:p>
          <a:p>
            <a:r>
              <a:rPr lang="en-US" sz="1800" dirty="0">
                <a:solidFill>
                  <a:schemeClr val="bg1"/>
                </a:solidFill>
              </a:rPr>
              <a:t>  Relationships with stakeholders</a:t>
            </a:r>
          </a:p>
          <a:p>
            <a:r>
              <a:rPr lang="en-US" sz="1800" b="0" i="1" dirty="0">
                <a:solidFill>
                  <a:schemeClr val="bg1"/>
                </a:solidFill>
              </a:rPr>
              <a:t>Individuals who don’t get to work with a team need to work on the same things</a:t>
            </a:r>
          </a:p>
          <a:p>
            <a:r>
              <a:rPr lang="en-US" sz="1800" b="1" i="1" dirty="0">
                <a:solidFill>
                  <a:schemeClr val="bg1"/>
                </a:solidFill>
              </a:rPr>
              <a:t>  </a:t>
            </a:r>
            <a:r>
              <a:rPr lang="en-US" sz="1800" dirty="0">
                <a:solidFill>
                  <a:schemeClr val="bg1"/>
                </a:solidFill>
              </a:rPr>
              <a:t>…</a:t>
            </a:r>
            <a:r>
              <a:rPr lang="en-US" sz="1800" b="1" dirty="0">
                <a:solidFill>
                  <a:schemeClr val="bg1"/>
                </a:solidFill>
              </a:rPr>
              <a:t>including trust</a:t>
            </a:r>
            <a:r>
              <a:rPr lang="en-US" sz="1800" dirty="0">
                <a:solidFill>
                  <a:schemeClr val="bg1"/>
                </a:solidFill>
              </a:rPr>
              <a:t>: trust in themselves that they can do the job well!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9407522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Now, staff at all levels do thinking</a:t>
            </a:r>
          </a:p>
          <a:p>
            <a:r>
              <a:rPr lang="en-US" sz="1800" dirty="0">
                <a:solidFill>
                  <a:schemeClr val="bg1"/>
                </a:solidFill>
              </a:rPr>
              <a:t>  Planning, improving, etc.</a:t>
            </a:r>
          </a:p>
          <a:p>
            <a:r>
              <a:rPr lang="en-US" sz="1800" dirty="0" err="1">
                <a:solidFill>
                  <a:schemeClr val="bg1"/>
                </a:solidFill>
              </a:rPr>
              <a:t>Marquet</a:t>
            </a:r>
            <a:r>
              <a:rPr lang="en-US" sz="1800" dirty="0">
                <a:solidFill>
                  <a:schemeClr val="bg1"/>
                </a:solidFill>
              </a:rPr>
              <a:t> calls the “in the flow” doing of work </a:t>
            </a:r>
            <a:r>
              <a:rPr lang="en-US" sz="1800" b="0" dirty="0" err="1">
                <a:solidFill>
                  <a:schemeClr val="bg1"/>
                </a:solidFill>
              </a:rPr>
              <a:t>Redwork</a:t>
            </a:r>
            <a:r>
              <a:rPr lang="en-US" sz="1800" dirty="0">
                <a:solidFill>
                  <a:schemeClr val="bg1"/>
                </a:solidFill>
              </a:rPr>
              <a:t>.</a:t>
            </a:r>
          </a:p>
          <a:p>
            <a:r>
              <a:rPr lang="en-US" sz="1800" dirty="0">
                <a:solidFill>
                  <a:schemeClr val="bg1"/>
                </a:solidFill>
              </a:rPr>
              <a:t>And he calls the </a:t>
            </a:r>
            <a:r>
              <a:rPr lang="en-US" sz="1800" i="1" dirty="0">
                <a:solidFill>
                  <a:schemeClr val="bg1"/>
                </a:solidFill>
              </a:rPr>
              <a:t>thinking about </a:t>
            </a:r>
            <a:r>
              <a:rPr lang="en-US" sz="1800" dirty="0">
                <a:solidFill>
                  <a:schemeClr val="bg1"/>
                </a:solidFill>
              </a:rPr>
              <a:t>the work </a:t>
            </a:r>
            <a:r>
              <a:rPr lang="en-US" sz="1800" b="0" dirty="0" err="1">
                <a:solidFill>
                  <a:schemeClr val="bg1"/>
                </a:solidFill>
              </a:rPr>
              <a:t>Bluework</a:t>
            </a:r>
            <a:r>
              <a:rPr lang="en-US" sz="1800" dirty="0">
                <a:solidFill>
                  <a:schemeClr val="bg1"/>
                </a:solidFill>
              </a:rPr>
              <a:t>.  It involves:</a:t>
            </a:r>
          </a:p>
          <a:p>
            <a:r>
              <a:rPr lang="en-US" sz="1800" dirty="0">
                <a:solidFill>
                  <a:schemeClr val="bg1"/>
                </a:solidFill>
              </a:rPr>
              <a:t>  Planning the </a:t>
            </a:r>
            <a:r>
              <a:rPr lang="en-US" sz="1800" dirty="0" err="1">
                <a:solidFill>
                  <a:schemeClr val="bg1"/>
                </a:solidFill>
              </a:rPr>
              <a:t>redwork</a:t>
            </a:r>
            <a:r>
              <a:rPr lang="en-US" sz="1800" dirty="0">
                <a:solidFill>
                  <a:schemeClr val="bg1"/>
                </a:solidFill>
              </a:rPr>
              <a:t> – </a:t>
            </a:r>
            <a:r>
              <a:rPr lang="en-US" sz="1800" b="1" dirty="0">
                <a:solidFill>
                  <a:schemeClr val="bg1"/>
                </a:solidFill>
              </a:rPr>
              <a:t>What, How, and For how long?</a:t>
            </a:r>
          </a:p>
          <a:p>
            <a:r>
              <a:rPr lang="en-US" sz="1800" dirty="0">
                <a:solidFill>
                  <a:schemeClr val="bg1"/>
                </a:solidFill>
              </a:rPr>
              <a:t>  Reflecting on the </a:t>
            </a:r>
            <a:r>
              <a:rPr lang="en-US" sz="1800" dirty="0" err="1">
                <a:solidFill>
                  <a:schemeClr val="bg1"/>
                </a:solidFill>
              </a:rPr>
              <a:t>redwork</a:t>
            </a:r>
            <a:r>
              <a:rPr lang="en-US" sz="1800" dirty="0">
                <a:solidFill>
                  <a:schemeClr val="bg1"/>
                </a:solidFill>
              </a:rPr>
              <a:t> period just finished – </a:t>
            </a:r>
            <a:r>
              <a:rPr lang="en-US" sz="1800" b="1" dirty="0">
                <a:solidFill>
                  <a:schemeClr val="bg1"/>
                </a:solidFill>
              </a:rPr>
              <a:t>What went well?</a:t>
            </a:r>
          </a:p>
          <a:p>
            <a:r>
              <a:rPr lang="en-US" sz="1800" dirty="0">
                <a:solidFill>
                  <a:schemeClr val="bg1"/>
                </a:solidFill>
              </a:rPr>
              <a:t>  Choosing improvements for the next </a:t>
            </a:r>
            <a:r>
              <a:rPr lang="en-US" sz="1800" dirty="0" err="1">
                <a:solidFill>
                  <a:schemeClr val="bg1"/>
                </a:solidFill>
              </a:rPr>
              <a:t>redwork</a:t>
            </a:r>
            <a:r>
              <a:rPr lang="en-US" sz="1800" dirty="0">
                <a:solidFill>
                  <a:schemeClr val="bg1"/>
                </a:solidFill>
              </a:rPr>
              <a:t> period – </a:t>
            </a:r>
            <a:r>
              <a:rPr lang="en-US" sz="1800" b="1" dirty="0">
                <a:solidFill>
                  <a:schemeClr val="bg1"/>
                </a:solidFill>
              </a:rPr>
              <a:t>What can we do better?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6941249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Ask yourself questions about how you’re doing.</a:t>
            </a:r>
          </a:p>
          <a:p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  Your questions should reflect how you define </a:t>
            </a:r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your </a:t>
            </a:r>
            <a:r>
              <a:rPr lang="en-US" sz="1800" b="1" i="1" dirty="0">
                <a:solidFill>
                  <a:schemeClr val="bg1"/>
                </a:solidFill>
                <a:sym typeface="Wingdings" panose="05000000000000000000" pitchFamily="2" charset="2"/>
              </a:rPr>
              <a:t>particular </a:t>
            </a:r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role</a:t>
            </a:r>
            <a:endParaRPr lang="en-US" sz="1800" b="1" dirty="0">
              <a:solidFill>
                <a:schemeClr val="bg1"/>
              </a:solidFill>
            </a:endParaRPr>
          </a:p>
          <a:p>
            <a:r>
              <a:rPr lang="en-US" sz="1800" dirty="0">
                <a:solidFill>
                  <a:schemeClr val="bg1"/>
                </a:solidFill>
              </a:rPr>
              <a:t>Your questions will be </a:t>
            </a:r>
            <a:r>
              <a:rPr lang="en-US" sz="1800" b="0" dirty="0">
                <a:solidFill>
                  <a:schemeClr val="bg1"/>
                </a:solidFill>
              </a:rPr>
              <a:t>only yours</a:t>
            </a:r>
          </a:p>
          <a:p>
            <a:r>
              <a:rPr lang="en-US" sz="1800" b="1" dirty="0">
                <a:solidFill>
                  <a:schemeClr val="bg1"/>
                </a:solidFill>
              </a:rPr>
              <a:t>  My questions probably won’t make sense to you</a:t>
            </a:r>
          </a:p>
          <a:p>
            <a:r>
              <a:rPr lang="en-US" sz="1800" dirty="0">
                <a:solidFill>
                  <a:schemeClr val="bg1"/>
                </a:solidFill>
              </a:rPr>
              <a:t>Things to consider</a:t>
            </a:r>
          </a:p>
          <a:p>
            <a:r>
              <a:rPr lang="en-US" sz="1800" b="1" dirty="0">
                <a:solidFill>
                  <a:schemeClr val="bg1"/>
                </a:solidFill>
              </a:rPr>
              <a:t>  </a:t>
            </a:r>
            <a:r>
              <a:rPr lang="en-US" sz="1800" b="0" dirty="0">
                <a:solidFill>
                  <a:schemeClr val="bg1"/>
                </a:solidFill>
              </a:rPr>
              <a:t>Keep it </a:t>
            </a:r>
            <a:r>
              <a:rPr lang="en-US" sz="1800" b="0" dirty="0">
                <a:solidFill>
                  <a:srgbClr val="3EFFC0"/>
                </a:solidFill>
              </a:rPr>
              <a:t>positive</a:t>
            </a:r>
            <a:r>
              <a:rPr lang="en-US" sz="1800" b="0" dirty="0">
                <a:solidFill>
                  <a:schemeClr val="bg1"/>
                </a:solidFill>
              </a:rPr>
              <a:t> </a:t>
            </a:r>
            <a:r>
              <a:rPr lang="en-US" sz="1800" dirty="0">
                <a:solidFill>
                  <a:schemeClr val="bg1"/>
                </a:solidFill>
              </a:rPr>
              <a:t>– </a:t>
            </a:r>
            <a:r>
              <a:rPr lang="en-US" sz="1800" b="1" dirty="0">
                <a:solidFill>
                  <a:schemeClr val="bg1"/>
                </a:solidFill>
              </a:rPr>
              <a:t>You’ll stop doing Personal </a:t>
            </a:r>
            <a:r>
              <a:rPr lang="en-US" sz="1800" b="1" dirty="0" err="1">
                <a:solidFill>
                  <a:schemeClr val="bg1"/>
                </a:solidFill>
              </a:rPr>
              <a:t>Bluework</a:t>
            </a:r>
            <a:r>
              <a:rPr lang="en-US" sz="1800" b="1" dirty="0">
                <a:solidFill>
                  <a:schemeClr val="bg1"/>
                </a:solidFill>
              </a:rPr>
              <a:t> </a:t>
            </a:r>
            <a:r>
              <a:rPr lang="en-US" sz="1800" dirty="0">
                <a:solidFill>
                  <a:schemeClr val="bg1"/>
                </a:solidFill>
              </a:rPr>
              <a:t>if you get yourself depressed every time</a:t>
            </a:r>
          </a:p>
          <a:p>
            <a:r>
              <a:rPr lang="en-US" sz="1800" b="1" dirty="0">
                <a:solidFill>
                  <a:schemeClr val="bg1"/>
                </a:solidFill>
              </a:rPr>
              <a:t>  </a:t>
            </a:r>
            <a:r>
              <a:rPr lang="en-US" sz="1800" b="0" dirty="0">
                <a:solidFill>
                  <a:schemeClr val="bg1"/>
                </a:solidFill>
              </a:rPr>
              <a:t>Reflect on what </a:t>
            </a:r>
            <a:r>
              <a:rPr lang="en-US" sz="1800" b="0" dirty="0">
                <a:solidFill>
                  <a:srgbClr val="3EFFC0"/>
                </a:solidFill>
              </a:rPr>
              <a:t>you</a:t>
            </a:r>
            <a:r>
              <a:rPr lang="en-US" sz="1800" b="0" i="1" dirty="0">
                <a:solidFill>
                  <a:schemeClr val="bg1"/>
                </a:solidFill>
              </a:rPr>
              <a:t> </a:t>
            </a:r>
            <a:r>
              <a:rPr lang="en-US" sz="1800" b="0" dirty="0">
                <a:solidFill>
                  <a:schemeClr val="bg1"/>
                </a:solidFill>
              </a:rPr>
              <a:t>did well </a:t>
            </a:r>
            <a:r>
              <a:rPr lang="en-US" sz="1800" dirty="0">
                <a:solidFill>
                  <a:schemeClr val="bg1"/>
                </a:solidFill>
              </a:rPr>
              <a:t>– Keeps you </a:t>
            </a:r>
            <a:r>
              <a:rPr lang="en-US" sz="1800" b="1" dirty="0">
                <a:solidFill>
                  <a:schemeClr val="bg1"/>
                </a:solidFill>
              </a:rPr>
              <a:t>motivated</a:t>
            </a:r>
            <a:r>
              <a:rPr lang="en-US" sz="1800" dirty="0">
                <a:solidFill>
                  <a:schemeClr val="bg1"/>
                </a:solidFill>
              </a:rPr>
              <a:t>, shows the </a:t>
            </a:r>
            <a:r>
              <a:rPr lang="en-US" sz="1800" b="1" dirty="0">
                <a:solidFill>
                  <a:schemeClr val="bg1"/>
                </a:solidFill>
              </a:rPr>
              <a:t>value you’re bringing</a:t>
            </a:r>
            <a:r>
              <a:rPr lang="en-US" sz="1800" dirty="0">
                <a:solidFill>
                  <a:schemeClr val="bg1"/>
                </a:solidFill>
              </a:rPr>
              <a:t>, and provides </a:t>
            </a:r>
            <a:r>
              <a:rPr lang="en-US" sz="1800" b="1" dirty="0">
                <a:solidFill>
                  <a:schemeClr val="bg1"/>
                </a:solidFill>
              </a:rPr>
              <a:t>talking points for O3s </a:t>
            </a:r>
            <a:r>
              <a:rPr lang="en-US" sz="1800" dirty="0">
                <a:solidFill>
                  <a:schemeClr val="bg1"/>
                </a:solidFill>
              </a:rPr>
              <a:t>with a difficult boss 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</a:t>
            </a:r>
          </a:p>
          <a:p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  </a:t>
            </a:r>
            <a:r>
              <a:rPr lang="en-US" sz="1800" b="1" dirty="0">
                <a:solidFill>
                  <a:srgbClr val="3EFFC0"/>
                </a:solidFill>
                <a:sym typeface="Wingdings" panose="05000000000000000000" pitchFamily="2" charset="2"/>
              </a:rPr>
              <a:t>Short list </a:t>
            </a:r>
            <a:r>
              <a:rPr lang="en-US" sz="1800" b="0" dirty="0">
                <a:solidFill>
                  <a:schemeClr val="bg1"/>
                </a:solidFill>
                <a:sym typeface="Wingdings" panose="05000000000000000000" pitchFamily="2" charset="2"/>
              </a:rPr>
              <a:t>improvements to make 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– </a:t>
            </a:r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Don’t boil the ocean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.  Capture ideas, but </a:t>
            </a:r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limit improvements to 1-3 things 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to keep your productivity from falling victim to your improvement.</a:t>
            </a:r>
          </a:p>
          <a:p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  </a:t>
            </a:r>
            <a:r>
              <a:rPr lang="en-US" sz="1800" b="0" dirty="0">
                <a:solidFill>
                  <a:schemeClr val="bg1"/>
                </a:solidFill>
                <a:sym typeface="Wingdings" panose="05000000000000000000" pitchFamily="2" charset="2"/>
              </a:rPr>
              <a:t>Keep a </a:t>
            </a:r>
            <a:r>
              <a:rPr lang="en-US" sz="1800" b="0" dirty="0">
                <a:solidFill>
                  <a:srgbClr val="3EFFC0"/>
                </a:solidFill>
                <a:sym typeface="Wingdings" panose="05000000000000000000" pitchFamily="2" charset="2"/>
              </a:rPr>
              <a:t>regular</a:t>
            </a:r>
            <a:r>
              <a:rPr lang="en-US" sz="1800" b="0" dirty="0">
                <a:solidFill>
                  <a:schemeClr val="bg1"/>
                </a:solidFill>
                <a:sym typeface="Wingdings" panose="05000000000000000000" pitchFamily="2" charset="2"/>
              </a:rPr>
              <a:t> cadence 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– </a:t>
            </a:r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Form the good habit 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of introspection!  Also helps to </a:t>
            </a:r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timebox experiments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, and provides a </a:t>
            </a:r>
            <a:r>
              <a:rPr lang="en-US" sz="1800" b="1" dirty="0">
                <a:solidFill>
                  <a:schemeClr val="bg1"/>
                </a:solidFill>
                <a:sym typeface="Wingdings" panose="05000000000000000000" pitchFamily="2" charset="2"/>
              </a:rPr>
              <a:t>frequency for capturing data 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on your progress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5601396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12" Type="http://schemas.openxmlformats.org/officeDocument/2006/relationships/image" Target="../media/image16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11" Type="http://schemas.openxmlformats.org/officeDocument/2006/relationships/image" Target="../media/image15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1842598"/>
            <a:ext cx="8556988" cy="1820862"/>
          </a:xfrm>
          <a:noFill/>
        </p:spPr>
        <p:txBody>
          <a:bodyPr anchor="b" anchorCtr="0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70809C9-BA48-4A28-B8CF-92FA8B27137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1"/>
            <a:ext cx="8556988" cy="2439264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A5CDCBC-0F41-41CE-899D-BDF05F680CF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CBFFD67-813A-47D6-93D5-82C8D380FF6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05EEFFD9-A2F0-46DC-A7BD-71A765012766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610B8742-C532-4276-A55B-E4E96C675DA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547ba180-6d7b-41b1-b4f8-ff8aa7f1b8d9&quot;}}" title="Form.Cigna_Confidentiality.EvernorthConfidentiality">
            <a:extLst>
              <a:ext uri="{FF2B5EF4-FFF2-40B4-BE49-F238E27FC236}">
                <a16:creationId xmlns:a16="http://schemas.microsoft.com/office/drawing/2014/main" id="{C20DE79F-6308-486F-873C-4D4FAED5AC1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2" name="text" descr="{&quot;templafy&quot;:{&quot;id&quot;:&quot;86d0c498-3a14-4529-8832-63db9684a2ff&quot;}}" title="Form.Cigna_Confidentiality.Cigna_confidentiality">
            <a:extLst>
              <a:ext uri="{FF2B5EF4-FFF2-40B4-BE49-F238E27FC236}">
                <a16:creationId xmlns:a16="http://schemas.microsoft.com/office/drawing/2014/main" id="{8C83A681-8413-4FB4-BB30-D7F89383A65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BF341020-96C8-4613-97C9-D3A4F3E2BEAC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E9DB83E-41D5-4916-BA79-720394694DB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7" name="Title 1">
            <a:extLst>
              <a:ext uri="{FF2B5EF4-FFF2-40B4-BE49-F238E27FC236}">
                <a16:creationId xmlns:a16="http://schemas.microsoft.com/office/drawing/2014/main" id="{0F719CCF-CDC6-487F-8499-7A10CB4B49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30325" y="2015832"/>
            <a:ext cx="7586663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01823571-F84B-48FC-89FD-0CA13B2229D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327513" y="3940605"/>
            <a:ext cx="7586664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9" name="Freeform: Shape 8">
            <a:extLst>
              <a:ext uri="{FF2B5EF4-FFF2-40B4-BE49-F238E27FC236}">
                <a16:creationId xmlns:a16="http://schemas.microsoft.com/office/drawing/2014/main" id="{0024DDBB-3AFD-4645-A6B0-83933EC31346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36517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013966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61932" y="360000"/>
            <a:ext cx="2732106" cy="6138000"/>
          </a:xfrm>
        </p:spPr>
        <p:txBody>
          <a:bodyPr tIns="468000" anchor="ctr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XXXX-XXXX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C660A57-127C-4DEF-AB06-FFF0DF48E8C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71838" y="360000"/>
            <a:ext cx="8559800" cy="6138000"/>
          </a:xfrm>
        </p:spPr>
        <p:txBody>
          <a:bodyPr tIns="468000" anchor="ctr"/>
          <a:lstStyle>
            <a:lvl1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2pPr>
            <a:lvl3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agenda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7F21B62-C4F4-4E29-BC6B-4327021AE59C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292904C-84EF-40AB-B25F-2EB150291FE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0" name="text" descr="{&quot;templafy&quot;:{&quot;id&quot;:&quot;d9445c1d-6298-4ff1-932f-28d4c8702774&quot;}}" title="Form.Cigna_Confidentiality.EvernorthConfidentiality">
            <a:extLst>
              <a:ext uri="{FF2B5EF4-FFF2-40B4-BE49-F238E27FC236}">
                <a16:creationId xmlns:a16="http://schemas.microsoft.com/office/drawing/2014/main" id="{5F9B0CBC-1AE4-4659-B35D-877B0314942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15631e0e-255d-4ad4-b3f7-81df8b50f8bc&quot;}}" title="Form.Cigna_Confidentiality.Cigna_confidentiality">
            <a:extLst>
              <a:ext uri="{FF2B5EF4-FFF2-40B4-BE49-F238E27FC236}">
                <a16:creationId xmlns:a16="http://schemas.microsoft.com/office/drawing/2014/main" id="{A159AC3E-12E3-4B1C-AE15-1DC6DF697E00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3599B9A-265E-48B1-A624-8755E27FCB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1" cy="6138000"/>
          </a:xfrm>
        </p:spPr>
        <p:txBody>
          <a:bodyPr tIns="468000" anchor="ctr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Click to add agenda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98CD12B5-7C2C-492E-95CC-04945D0ABEA3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5F56ED9E-B5BB-4283-826A-1BC5F7DDFA9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2" name="text" descr="{&quot;templafy&quot;:{&quot;id&quot;:&quot;c6ffe149-018d-4898-98e9-51ebc92a489c&quot;}}" title="Form.Cigna_Confidentiality.EvernorthConfidentiality">
            <a:extLst>
              <a:ext uri="{FF2B5EF4-FFF2-40B4-BE49-F238E27FC236}">
                <a16:creationId xmlns:a16="http://schemas.microsoft.com/office/drawing/2014/main" id="{D5CD773A-E157-4D9A-A53D-7A5BE0C08C0D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bddf949e-8a08-4915-a441-042d5562f3ee&quot;}}" title="Form.Cigna_Confidentiality.Cigna_confidentiality">
            <a:extLst>
              <a:ext uri="{FF2B5EF4-FFF2-40B4-BE49-F238E27FC236}">
                <a16:creationId xmlns:a16="http://schemas.microsoft.com/office/drawing/2014/main" id="{52BA8FCB-04F7-461A-99E7-B15F176C9465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8732245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 w/eyeb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6400" y="518400"/>
            <a:ext cx="7589836" cy="10096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38AF732-8644-4777-A412-FBE26EAC8B14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C99B38F-58E3-4A4E-B317-D556CB4BD79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6400" y="129600"/>
            <a:ext cx="7588250" cy="269020"/>
          </a:xfrm>
        </p:spPr>
        <p:txBody>
          <a:bodyPr anchor="b" anchorCtr="0"/>
          <a:lstStyle>
            <a:lvl1pPr marL="0" indent="0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None/>
              <a:defRPr sz="1200" cap="all" spc="150" baseline="0">
                <a:latin typeface="Consolas" panose="020B0609020204030204" pitchFamily="49" charset="0"/>
              </a:defRPr>
            </a:lvl1pPr>
          </a:lstStyle>
          <a:p>
            <a:pPr lvl="0"/>
            <a:r>
              <a:rPr lang="en-US" dirty="0"/>
              <a:t>Click to add tit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204FE7F-AC02-4933-A3F3-221A9E33CB7F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7509177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9912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86488" y="1608138"/>
            <a:ext cx="5645150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1" name="Text Placeholder 13">
            <a:extLst>
              <a:ext uri="{FF2B5EF4-FFF2-40B4-BE49-F238E27FC236}">
                <a16:creationId xmlns:a16="http://schemas.microsoft.com/office/drawing/2014/main" id="{D52F9DB5-248F-47E7-A76C-76CB21AAC83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B75E7317-5C50-432B-89EC-265A490DCA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5BC739D3-B727-456F-B7C6-A0BA01E092E8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8CF9AFE-D51A-4ED2-8871-4C392C3284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9" y="1608138"/>
            <a:ext cx="3706811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243388" y="1608138"/>
            <a:ext cx="3703637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EA3E692-02A6-4F11-A231-6703A0AE1F6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28000" y="1608138"/>
            <a:ext cx="3703638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1" name="Text Placeholder 13">
            <a:extLst>
              <a:ext uri="{FF2B5EF4-FFF2-40B4-BE49-F238E27FC236}">
                <a16:creationId xmlns:a16="http://schemas.microsoft.com/office/drawing/2014/main" id="{C281E362-EFF0-46A7-978C-2F46B77AD1A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B75E7317-5C50-432B-89EC-265A490DCA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79582FA-1A3E-480C-9896-4127CAA226DA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8CF9AFE-D51A-4ED2-8871-4C392C3284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4180050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5643111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31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4775CBEF-111C-4143-BA6A-8A62D24F12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BD18B41-82B5-4DE4-A301-53A11C4B0C38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D4272737-6289-4225-ABD2-A8EACD0EB46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8172D938-20CB-4894-915B-0C5DC965AB5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84900" y="360362"/>
            <a:ext cx="5643563" cy="5611813"/>
          </a:xfrm>
          <a:custGeom>
            <a:avLst/>
            <a:gdLst>
              <a:gd name="connsiteX0" fmla="*/ 5140261 w 5643563"/>
              <a:gd name="connsiteY0" fmla="*/ 4981670 h 5611813"/>
              <a:gd name="connsiteX1" fmla="*/ 5140261 w 5643563"/>
              <a:gd name="connsiteY1" fmla="*/ 5103321 h 5611813"/>
              <a:gd name="connsiteX2" fmla="*/ 5018610 w 5643563"/>
              <a:gd name="connsiteY2" fmla="*/ 5103321 h 5611813"/>
              <a:gd name="connsiteX3" fmla="*/ 5018610 w 5643563"/>
              <a:gd name="connsiteY3" fmla="*/ 5147558 h 5611813"/>
              <a:gd name="connsiteX4" fmla="*/ 5140261 w 5643563"/>
              <a:gd name="connsiteY4" fmla="*/ 5147558 h 5611813"/>
              <a:gd name="connsiteX5" fmla="*/ 5140261 w 5643563"/>
              <a:gd name="connsiteY5" fmla="*/ 5269210 h 5611813"/>
              <a:gd name="connsiteX6" fmla="*/ 5184498 w 5643563"/>
              <a:gd name="connsiteY6" fmla="*/ 5269210 h 5611813"/>
              <a:gd name="connsiteX7" fmla="*/ 5184498 w 5643563"/>
              <a:gd name="connsiteY7" fmla="*/ 5147558 h 5611813"/>
              <a:gd name="connsiteX8" fmla="*/ 5306150 w 5643563"/>
              <a:gd name="connsiteY8" fmla="*/ 5147558 h 5611813"/>
              <a:gd name="connsiteX9" fmla="*/ 5306150 w 5643563"/>
              <a:gd name="connsiteY9" fmla="*/ 5103321 h 5611813"/>
              <a:gd name="connsiteX10" fmla="*/ 5184498 w 5643563"/>
              <a:gd name="connsiteY10" fmla="*/ 5103321 h 5611813"/>
              <a:gd name="connsiteX11" fmla="*/ 5184498 w 5643563"/>
              <a:gd name="connsiteY11" fmla="*/ 4981670 h 5611813"/>
              <a:gd name="connsiteX12" fmla="*/ 460106 w 5643563"/>
              <a:gd name="connsiteY12" fmla="*/ 4981670 h 5611813"/>
              <a:gd name="connsiteX13" fmla="*/ 460106 w 5643563"/>
              <a:gd name="connsiteY13" fmla="*/ 5103321 h 5611813"/>
              <a:gd name="connsiteX14" fmla="*/ 338455 w 5643563"/>
              <a:gd name="connsiteY14" fmla="*/ 5103321 h 5611813"/>
              <a:gd name="connsiteX15" fmla="*/ 338455 w 5643563"/>
              <a:gd name="connsiteY15" fmla="*/ 5147558 h 5611813"/>
              <a:gd name="connsiteX16" fmla="*/ 460106 w 5643563"/>
              <a:gd name="connsiteY16" fmla="*/ 5147558 h 5611813"/>
              <a:gd name="connsiteX17" fmla="*/ 460106 w 5643563"/>
              <a:gd name="connsiteY17" fmla="*/ 5269210 h 5611813"/>
              <a:gd name="connsiteX18" fmla="*/ 504343 w 5643563"/>
              <a:gd name="connsiteY18" fmla="*/ 5269210 h 5611813"/>
              <a:gd name="connsiteX19" fmla="*/ 504343 w 5643563"/>
              <a:gd name="connsiteY19" fmla="*/ 5147558 h 5611813"/>
              <a:gd name="connsiteX20" fmla="*/ 625995 w 5643563"/>
              <a:gd name="connsiteY20" fmla="*/ 5147558 h 5611813"/>
              <a:gd name="connsiteX21" fmla="*/ 625995 w 5643563"/>
              <a:gd name="connsiteY21" fmla="*/ 5103321 h 5611813"/>
              <a:gd name="connsiteX22" fmla="*/ 504343 w 5643563"/>
              <a:gd name="connsiteY22" fmla="*/ 5103321 h 5611813"/>
              <a:gd name="connsiteX23" fmla="*/ 504343 w 5643563"/>
              <a:gd name="connsiteY23" fmla="*/ 4981670 h 5611813"/>
              <a:gd name="connsiteX24" fmla="*/ 460106 w 5643563"/>
              <a:gd name="connsiteY24" fmla="*/ 337618 h 5611813"/>
              <a:gd name="connsiteX25" fmla="*/ 460106 w 5643563"/>
              <a:gd name="connsiteY25" fmla="*/ 459269 h 5611813"/>
              <a:gd name="connsiteX26" fmla="*/ 338455 w 5643563"/>
              <a:gd name="connsiteY26" fmla="*/ 459269 h 5611813"/>
              <a:gd name="connsiteX27" fmla="*/ 338455 w 5643563"/>
              <a:gd name="connsiteY27" fmla="*/ 503506 h 5611813"/>
              <a:gd name="connsiteX28" fmla="*/ 460106 w 5643563"/>
              <a:gd name="connsiteY28" fmla="*/ 503506 h 5611813"/>
              <a:gd name="connsiteX29" fmla="*/ 460106 w 5643563"/>
              <a:gd name="connsiteY29" fmla="*/ 625158 h 5611813"/>
              <a:gd name="connsiteX30" fmla="*/ 504343 w 5643563"/>
              <a:gd name="connsiteY30" fmla="*/ 625158 h 5611813"/>
              <a:gd name="connsiteX31" fmla="*/ 504343 w 5643563"/>
              <a:gd name="connsiteY31" fmla="*/ 503506 h 5611813"/>
              <a:gd name="connsiteX32" fmla="*/ 625995 w 5643563"/>
              <a:gd name="connsiteY32" fmla="*/ 503506 h 5611813"/>
              <a:gd name="connsiteX33" fmla="*/ 625995 w 5643563"/>
              <a:gd name="connsiteY33" fmla="*/ 459269 h 5611813"/>
              <a:gd name="connsiteX34" fmla="*/ 504343 w 5643563"/>
              <a:gd name="connsiteY34" fmla="*/ 459269 h 5611813"/>
              <a:gd name="connsiteX35" fmla="*/ 504343 w 5643563"/>
              <a:gd name="connsiteY35" fmla="*/ 337618 h 5611813"/>
              <a:gd name="connsiteX36" fmla="*/ 5140261 w 5643563"/>
              <a:gd name="connsiteY36" fmla="*/ 337618 h 5611813"/>
              <a:gd name="connsiteX37" fmla="*/ 5140261 w 5643563"/>
              <a:gd name="connsiteY37" fmla="*/ 459269 h 5611813"/>
              <a:gd name="connsiteX38" fmla="*/ 5018610 w 5643563"/>
              <a:gd name="connsiteY38" fmla="*/ 459269 h 5611813"/>
              <a:gd name="connsiteX39" fmla="*/ 5018610 w 5643563"/>
              <a:gd name="connsiteY39" fmla="*/ 503506 h 5611813"/>
              <a:gd name="connsiteX40" fmla="*/ 5140261 w 5643563"/>
              <a:gd name="connsiteY40" fmla="*/ 503506 h 5611813"/>
              <a:gd name="connsiteX41" fmla="*/ 5140261 w 5643563"/>
              <a:gd name="connsiteY41" fmla="*/ 625158 h 5611813"/>
              <a:gd name="connsiteX42" fmla="*/ 5184498 w 5643563"/>
              <a:gd name="connsiteY42" fmla="*/ 625158 h 5611813"/>
              <a:gd name="connsiteX43" fmla="*/ 5184498 w 5643563"/>
              <a:gd name="connsiteY43" fmla="*/ 503506 h 5611813"/>
              <a:gd name="connsiteX44" fmla="*/ 5306150 w 5643563"/>
              <a:gd name="connsiteY44" fmla="*/ 503506 h 5611813"/>
              <a:gd name="connsiteX45" fmla="*/ 5306150 w 5643563"/>
              <a:gd name="connsiteY45" fmla="*/ 459269 h 5611813"/>
              <a:gd name="connsiteX46" fmla="*/ 5184498 w 5643563"/>
              <a:gd name="connsiteY46" fmla="*/ 459269 h 5611813"/>
              <a:gd name="connsiteX47" fmla="*/ 5184498 w 5643563"/>
              <a:gd name="connsiteY47" fmla="*/ 337618 h 5611813"/>
              <a:gd name="connsiteX48" fmla="*/ 0 w 5643563"/>
              <a:gd name="connsiteY48" fmla="*/ 0 h 5611813"/>
              <a:gd name="connsiteX49" fmla="*/ 5643563 w 5643563"/>
              <a:gd name="connsiteY49" fmla="*/ 0 h 5611813"/>
              <a:gd name="connsiteX50" fmla="*/ 5643563 w 5643563"/>
              <a:gd name="connsiteY50" fmla="*/ 5611813 h 5611813"/>
              <a:gd name="connsiteX51" fmla="*/ 0 w 5643563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5643563" h="5611813">
                <a:moveTo>
                  <a:pt x="5140261" y="4981670"/>
                </a:moveTo>
                <a:lnTo>
                  <a:pt x="5140261" y="5103321"/>
                </a:lnTo>
                <a:lnTo>
                  <a:pt x="5018610" y="5103321"/>
                </a:lnTo>
                <a:lnTo>
                  <a:pt x="5018610" y="5147558"/>
                </a:lnTo>
                <a:lnTo>
                  <a:pt x="5140261" y="5147558"/>
                </a:lnTo>
                <a:lnTo>
                  <a:pt x="5140261" y="5269210"/>
                </a:lnTo>
                <a:lnTo>
                  <a:pt x="5184498" y="5269210"/>
                </a:lnTo>
                <a:lnTo>
                  <a:pt x="5184498" y="5147558"/>
                </a:lnTo>
                <a:lnTo>
                  <a:pt x="5306150" y="5147558"/>
                </a:lnTo>
                <a:lnTo>
                  <a:pt x="5306150" y="5103321"/>
                </a:lnTo>
                <a:lnTo>
                  <a:pt x="5184498" y="5103321"/>
                </a:lnTo>
                <a:lnTo>
                  <a:pt x="5184498" y="4981670"/>
                </a:lnTo>
                <a:close/>
                <a:moveTo>
                  <a:pt x="460106" y="4981670"/>
                </a:moveTo>
                <a:lnTo>
                  <a:pt x="460106" y="5103321"/>
                </a:lnTo>
                <a:lnTo>
                  <a:pt x="338455" y="5103321"/>
                </a:lnTo>
                <a:lnTo>
                  <a:pt x="338455" y="5147558"/>
                </a:lnTo>
                <a:lnTo>
                  <a:pt x="460106" y="5147558"/>
                </a:lnTo>
                <a:lnTo>
                  <a:pt x="460106" y="5269210"/>
                </a:lnTo>
                <a:lnTo>
                  <a:pt x="504343" y="5269210"/>
                </a:lnTo>
                <a:lnTo>
                  <a:pt x="504343" y="5147558"/>
                </a:lnTo>
                <a:lnTo>
                  <a:pt x="625995" y="5147558"/>
                </a:lnTo>
                <a:lnTo>
                  <a:pt x="625995" y="5103321"/>
                </a:lnTo>
                <a:lnTo>
                  <a:pt x="504343" y="5103321"/>
                </a:lnTo>
                <a:lnTo>
                  <a:pt x="504343" y="4981670"/>
                </a:lnTo>
                <a:close/>
                <a:moveTo>
                  <a:pt x="460106" y="337618"/>
                </a:moveTo>
                <a:lnTo>
                  <a:pt x="460106" y="459269"/>
                </a:lnTo>
                <a:lnTo>
                  <a:pt x="338455" y="459269"/>
                </a:lnTo>
                <a:lnTo>
                  <a:pt x="338455" y="503506"/>
                </a:lnTo>
                <a:lnTo>
                  <a:pt x="460106" y="503506"/>
                </a:lnTo>
                <a:lnTo>
                  <a:pt x="460106" y="625158"/>
                </a:lnTo>
                <a:lnTo>
                  <a:pt x="504343" y="625158"/>
                </a:lnTo>
                <a:lnTo>
                  <a:pt x="504343" y="503506"/>
                </a:lnTo>
                <a:lnTo>
                  <a:pt x="625995" y="503506"/>
                </a:lnTo>
                <a:lnTo>
                  <a:pt x="625995" y="459269"/>
                </a:lnTo>
                <a:lnTo>
                  <a:pt x="504343" y="459269"/>
                </a:lnTo>
                <a:lnTo>
                  <a:pt x="504343" y="337618"/>
                </a:lnTo>
                <a:close/>
                <a:moveTo>
                  <a:pt x="5140261" y="337618"/>
                </a:moveTo>
                <a:lnTo>
                  <a:pt x="5140261" y="459269"/>
                </a:lnTo>
                <a:lnTo>
                  <a:pt x="5018610" y="459269"/>
                </a:lnTo>
                <a:lnTo>
                  <a:pt x="5018610" y="503506"/>
                </a:lnTo>
                <a:lnTo>
                  <a:pt x="5140261" y="503506"/>
                </a:lnTo>
                <a:lnTo>
                  <a:pt x="5140261" y="625158"/>
                </a:lnTo>
                <a:lnTo>
                  <a:pt x="5184498" y="625158"/>
                </a:lnTo>
                <a:lnTo>
                  <a:pt x="5184498" y="503506"/>
                </a:lnTo>
                <a:lnTo>
                  <a:pt x="5306150" y="503506"/>
                </a:lnTo>
                <a:lnTo>
                  <a:pt x="5306150" y="459269"/>
                </a:lnTo>
                <a:lnTo>
                  <a:pt x="5184498" y="459269"/>
                </a:lnTo>
                <a:lnTo>
                  <a:pt x="5184498" y="337618"/>
                </a:lnTo>
                <a:close/>
                <a:moveTo>
                  <a:pt x="0" y="0"/>
                </a:moveTo>
                <a:lnTo>
                  <a:pt x="5643563" y="0"/>
                </a:lnTo>
                <a:lnTo>
                  <a:pt x="5643563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608138"/>
            <a:ext cx="661828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6036C9A-58D8-4CD5-8553-B64CAC3D22A8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913093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648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194256"/>
            <a:ext cx="6618287" cy="4777919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E88F304F-8934-49D4-A37E-C5947342D0B9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9444251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1" y="1842597"/>
            <a:ext cx="7587024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B5B8E23-BCCD-48F4-89AE-573991EF26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0"/>
            <a:ext cx="7587025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0BDD9EDA-9937-4E4A-B139-CEF9DD452326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4276A23-64EF-44C3-8D3D-78DC45D6B35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1" name="text" descr="{&quot;templafy&quot;:{&quot;id&quot;:&quot;c641d740-4d84-4762-8a58-242e834337a3&quot;}}" title="Form.Cigna_Confidentiality.EvernorthConfidentiality">
            <a:extLst>
              <a:ext uri="{FF2B5EF4-FFF2-40B4-BE49-F238E27FC236}">
                <a16:creationId xmlns:a16="http://schemas.microsoft.com/office/drawing/2014/main" id="{4AB505AC-05E9-49C6-AEB8-F8C7367257B8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e04f3f0b-e4d7-44cb-9089-8c57be0396b8&quot;}}" title="Form.Cigna_Confidentiality.Cigna_confidentiality">
            <a:extLst>
              <a:ext uri="{FF2B5EF4-FFF2-40B4-BE49-F238E27FC236}">
                <a16:creationId xmlns:a16="http://schemas.microsoft.com/office/drawing/2014/main" id="{6A154A6A-08DA-4759-AEAC-EDEA5E65EE8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2557176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37068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C440183-24ED-4F18-90EF-5383913F10F6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7" y="1608138"/>
            <a:ext cx="370363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E4101F5-5257-482E-A538-ADAC9A73086C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74BBD8-400D-45C2-8BF8-E083C79CE5A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C2D6955C-B7F8-4DE2-A88A-4C0BE8637E72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28000" y="358775"/>
            <a:ext cx="3703637" cy="5613400"/>
          </a:xfrm>
          <a:custGeom>
            <a:avLst/>
            <a:gdLst>
              <a:gd name="connsiteX0" fmla="*/ 3171440 w 3703637"/>
              <a:gd name="connsiteY0" fmla="*/ 4965635 h 5613400"/>
              <a:gd name="connsiteX1" fmla="*/ 3171440 w 3703637"/>
              <a:gd name="connsiteY1" fmla="*/ 5087286 h 5613400"/>
              <a:gd name="connsiteX2" fmla="*/ 3049789 w 3703637"/>
              <a:gd name="connsiteY2" fmla="*/ 5087286 h 5613400"/>
              <a:gd name="connsiteX3" fmla="*/ 3049789 w 3703637"/>
              <a:gd name="connsiteY3" fmla="*/ 5131523 h 5613400"/>
              <a:gd name="connsiteX4" fmla="*/ 3171440 w 3703637"/>
              <a:gd name="connsiteY4" fmla="*/ 5131523 h 5613400"/>
              <a:gd name="connsiteX5" fmla="*/ 3171440 w 3703637"/>
              <a:gd name="connsiteY5" fmla="*/ 5253175 h 5613400"/>
              <a:gd name="connsiteX6" fmla="*/ 3215677 w 3703637"/>
              <a:gd name="connsiteY6" fmla="*/ 5253175 h 5613400"/>
              <a:gd name="connsiteX7" fmla="*/ 3215677 w 3703637"/>
              <a:gd name="connsiteY7" fmla="*/ 5131523 h 5613400"/>
              <a:gd name="connsiteX8" fmla="*/ 3337329 w 3703637"/>
              <a:gd name="connsiteY8" fmla="*/ 5131523 h 5613400"/>
              <a:gd name="connsiteX9" fmla="*/ 3337329 w 3703637"/>
              <a:gd name="connsiteY9" fmla="*/ 5087286 h 5613400"/>
              <a:gd name="connsiteX10" fmla="*/ 3215677 w 3703637"/>
              <a:gd name="connsiteY10" fmla="*/ 5087286 h 5613400"/>
              <a:gd name="connsiteX11" fmla="*/ 3215677 w 3703637"/>
              <a:gd name="connsiteY11" fmla="*/ 4965635 h 5613400"/>
              <a:gd name="connsiteX12" fmla="*/ 480088 w 3703637"/>
              <a:gd name="connsiteY12" fmla="*/ 4965635 h 5613400"/>
              <a:gd name="connsiteX13" fmla="*/ 480088 w 3703637"/>
              <a:gd name="connsiteY13" fmla="*/ 5087286 h 5613400"/>
              <a:gd name="connsiteX14" fmla="*/ 358437 w 3703637"/>
              <a:gd name="connsiteY14" fmla="*/ 5087286 h 5613400"/>
              <a:gd name="connsiteX15" fmla="*/ 358437 w 3703637"/>
              <a:gd name="connsiteY15" fmla="*/ 5131523 h 5613400"/>
              <a:gd name="connsiteX16" fmla="*/ 480088 w 3703637"/>
              <a:gd name="connsiteY16" fmla="*/ 5131523 h 5613400"/>
              <a:gd name="connsiteX17" fmla="*/ 480088 w 3703637"/>
              <a:gd name="connsiteY17" fmla="*/ 5253175 h 5613400"/>
              <a:gd name="connsiteX18" fmla="*/ 524325 w 3703637"/>
              <a:gd name="connsiteY18" fmla="*/ 5253175 h 5613400"/>
              <a:gd name="connsiteX19" fmla="*/ 524325 w 3703637"/>
              <a:gd name="connsiteY19" fmla="*/ 5131523 h 5613400"/>
              <a:gd name="connsiteX20" fmla="*/ 645977 w 3703637"/>
              <a:gd name="connsiteY20" fmla="*/ 5131523 h 5613400"/>
              <a:gd name="connsiteX21" fmla="*/ 645977 w 3703637"/>
              <a:gd name="connsiteY21" fmla="*/ 5087286 h 5613400"/>
              <a:gd name="connsiteX22" fmla="*/ 524325 w 3703637"/>
              <a:gd name="connsiteY22" fmla="*/ 5087286 h 5613400"/>
              <a:gd name="connsiteX23" fmla="*/ 524325 w 3703637"/>
              <a:gd name="connsiteY23" fmla="*/ 4965635 h 5613400"/>
              <a:gd name="connsiteX24" fmla="*/ 3171440 w 3703637"/>
              <a:gd name="connsiteY24" fmla="*/ 354399 h 5613400"/>
              <a:gd name="connsiteX25" fmla="*/ 3171440 w 3703637"/>
              <a:gd name="connsiteY25" fmla="*/ 476050 h 5613400"/>
              <a:gd name="connsiteX26" fmla="*/ 3049789 w 3703637"/>
              <a:gd name="connsiteY26" fmla="*/ 476050 h 5613400"/>
              <a:gd name="connsiteX27" fmla="*/ 3049789 w 3703637"/>
              <a:gd name="connsiteY27" fmla="*/ 520287 h 5613400"/>
              <a:gd name="connsiteX28" fmla="*/ 3171440 w 3703637"/>
              <a:gd name="connsiteY28" fmla="*/ 520287 h 5613400"/>
              <a:gd name="connsiteX29" fmla="*/ 3171440 w 3703637"/>
              <a:gd name="connsiteY29" fmla="*/ 641939 h 5613400"/>
              <a:gd name="connsiteX30" fmla="*/ 3215677 w 3703637"/>
              <a:gd name="connsiteY30" fmla="*/ 641939 h 5613400"/>
              <a:gd name="connsiteX31" fmla="*/ 3215677 w 3703637"/>
              <a:gd name="connsiteY31" fmla="*/ 520287 h 5613400"/>
              <a:gd name="connsiteX32" fmla="*/ 3337329 w 3703637"/>
              <a:gd name="connsiteY32" fmla="*/ 520287 h 5613400"/>
              <a:gd name="connsiteX33" fmla="*/ 3337329 w 3703637"/>
              <a:gd name="connsiteY33" fmla="*/ 476050 h 5613400"/>
              <a:gd name="connsiteX34" fmla="*/ 3215677 w 3703637"/>
              <a:gd name="connsiteY34" fmla="*/ 476050 h 5613400"/>
              <a:gd name="connsiteX35" fmla="*/ 3215677 w 3703637"/>
              <a:gd name="connsiteY35" fmla="*/ 354399 h 5613400"/>
              <a:gd name="connsiteX36" fmla="*/ 480088 w 3703637"/>
              <a:gd name="connsiteY36" fmla="*/ 354399 h 5613400"/>
              <a:gd name="connsiteX37" fmla="*/ 480088 w 3703637"/>
              <a:gd name="connsiteY37" fmla="*/ 476050 h 5613400"/>
              <a:gd name="connsiteX38" fmla="*/ 358437 w 3703637"/>
              <a:gd name="connsiteY38" fmla="*/ 476050 h 5613400"/>
              <a:gd name="connsiteX39" fmla="*/ 358437 w 3703637"/>
              <a:gd name="connsiteY39" fmla="*/ 520287 h 5613400"/>
              <a:gd name="connsiteX40" fmla="*/ 480088 w 3703637"/>
              <a:gd name="connsiteY40" fmla="*/ 520287 h 5613400"/>
              <a:gd name="connsiteX41" fmla="*/ 480088 w 3703637"/>
              <a:gd name="connsiteY41" fmla="*/ 641939 h 5613400"/>
              <a:gd name="connsiteX42" fmla="*/ 524325 w 3703637"/>
              <a:gd name="connsiteY42" fmla="*/ 641939 h 5613400"/>
              <a:gd name="connsiteX43" fmla="*/ 524325 w 3703637"/>
              <a:gd name="connsiteY43" fmla="*/ 520287 h 5613400"/>
              <a:gd name="connsiteX44" fmla="*/ 645977 w 3703637"/>
              <a:gd name="connsiteY44" fmla="*/ 520287 h 5613400"/>
              <a:gd name="connsiteX45" fmla="*/ 645977 w 3703637"/>
              <a:gd name="connsiteY45" fmla="*/ 476050 h 5613400"/>
              <a:gd name="connsiteX46" fmla="*/ 524325 w 3703637"/>
              <a:gd name="connsiteY46" fmla="*/ 476050 h 5613400"/>
              <a:gd name="connsiteX47" fmla="*/ 524325 w 3703637"/>
              <a:gd name="connsiteY47" fmla="*/ 354399 h 5613400"/>
              <a:gd name="connsiteX48" fmla="*/ 0 w 3703637"/>
              <a:gd name="connsiteY48" fmla="*/ 0 h 5613400"/>
              <a:gd name="connsiteX49" fmla="*/ 3703637 w 3703637"/>
              <a:gd name="connsiteY49" fmla="*/ 0 h 5613400"/>
              <a:gd name="connsiteX50" fmla="*/ 3703637 w 3703637"/>
              <a:gd name="connsiteY50" fmla="*/ 5613400 h 5613400"/>
              <a:gd name="connsiteX51" fmla="*/ 0 w 3703637"/>
              <a:gd name="connsiteY51" fmla="*/ 5613400 h 5613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3703637" h="5613400">
                <a:moveTo>
                  <a:pt x="3171440" y="4965635"/>
                </a:moveTo>
                <a:lnTo>
                  <a:pt x="3171440" y="5087286"/>
                </a:lnTo>
                <a:lnTo>
                  <a:pt x="3049789" y="5087286"/>
                </a:lnTo>
                <a:lnTo>
                  <a:pt x="3049789" y="5131523"/>
                </a:lnTo>
                <a:lnTo>
                  <a:pt x="3171440" y="5131523"/>
                </a:lnTo>
                <a:lnTo>
                  <a:pt x="3171440" y="5253175"/>
                </a:lnTo>
                <a:lnTo>
                  <a:pt x="3215677" y="5253175"/>
                </a:lnTo>
                <a:lnTo>
                  <a:pt x="3215677" y="5131523"/>
                </a:lnTo>
                <a:lnTo>
                  <a:pt x="3337329" y="5131523"/>
                </a:lnTo>
                <a:lnTo>
                  <a:pt x="3337329" y="5087286"/>
                </a:lnTo>
                <a:lnTo>
                  <a:pt x="3215677" y="5087286"/>
                </a:lnTo>
                <a:lnTo>
                  <a:pt x="3215677" y="4965635"/>
                </a:lnTo>
                <a:close/>
                <a:moveTo>
                  <a:pt x="480088" y="4965635"/>
                </a:moveTo>
                <a:lnTo>
                  <a:pt x="480088" y="5087286"/>
                </a:lnTo>
                <a:lnTo>
                  <a:pt x="358437" y="5087286"/>
                </a:lnTo>
                <a:lnTo>
                  <a:pt x="358437" y="5131523"/>
                </a:lnTo>
                <a:lnTo>
                  <a:pt x="480088" y="5131523"/>
                </a:lnTo>
                <a:lnTo>
                  <a:pt x="480088" y="5253175"/>
                </a:lnTo>
                <a:lnTo>
                  <a:pt x="524325" y="5253175"/>
                </a:lnTo>
                <a:lnTo>
                  <a:pt x="524325" y="5131523"/>
                </a:lnTo>
                <a:lnTo>
                  <a:pt x="645977" y="5131523"/>
                </a:lnTo>
                <a:lnTo>
                  <a:pt x="645977" y="5087286"/>
                </a:lnTo>
                <a:lnTo>
                  <a:pt x="524325" y="5087286"/>
                </a:lnTo>
                <a:lnTo>
                  <a:pt x="524325" y="4965635"/>
                </a:lnTo>
                <a:close/>
                <a:moveTo>
                  <a:pt x="3171440" y="354399"/>
                </a:moveTo>
                <a:lnTo>
                  <a:pt x="3171440" y="476050"/>
                </a:lnTo>
                <a:lnTo>
                  <a:pt x="3049789" y="476050"/>
                </a:lnTo>
                <a:lnTo>
                  <a:pt x="3049789" y="520287"/>
                </a:lnTo>
                <a:lnTo>
                  <a:pt x="3171440" y="520287"/>
                </a:lnTo>
                <a:lnTo>
                  <a:pt x="3171440" y="641939"/>
                </a:lnTo>
                <a:lnTo>
                  <a:pt x="3215677" y="641939"/>
                </a:lnTo>
                <a:lnTo>
                  <a:pt x="3215677" y="520287"/>
                </a:lnTo>
                <a:lnTo>
                  <a:pt x="3337329" y="520287"/>
                </a:lnTo>
                <a:lnTo>
                  <a:pt x="3337329" y="476050"/>
                </a:lnTo>
                <a:lnTo>
                  <a:pt x="3215677" y="476050"/>
                </a:lnTo>
                <a:lnTo>
                  <a:pt x="3215677" y="354399"/>
                </a:lnTo>
                <a:close/>
                <a:moveTo>
                  <a:pt x="480088" y="354399"/>
                </a:moveTo>
                <a:lnTo>
                  <a:pt x="480088" y="476050"/>
                </a:lnTo>
                <a:lnTo>
                  <a:pt x="358437" y="476050"/>
                </a:lnTo>
                <a:lnTo>
                  <a:pt x="358437" y="520287"/>
                </a:lnTo>
                <a:lnTo>
                  <a:pt x="480088" y="520287"/>
                </a:lnTo>
                <a:lnTo>
                  <a:pt x="480088" y="641939"/>
                </a:lnTo>
                <a:lnTo>
                  <a:pt x="524325" y="641939"/>
                </a:lnTo>
                <a:lnTo>
                  <a:pt x="524325" y="520287"/>
                </a:lnTo>
                <a:lnTo>
                  <a:pt x="645977" y="520287"/>
                </a:lnTo>
                <a:lnTo>
                  <a:pt x="645977" y="476050"/>
                </a:lnTo>
                <a:lnTo>
                  <a:pt x="524325" y="476050"/>
                </a:lnTo>
                <a:lnTo>
                  <a:pt x="524325" y="354399"/>
                </a:lnTo>
                <a:close/>
                <a:moveTo>
                  <a:pt x="0" y="0"/>
                </a:moveTo>
                <a:lnTo>
                  <a:pt x="3703637" y="0"/>
                </a:lnTo>
                <a:lnTo>
                  <a:pt x="3703637" y="5613400"/>
                </a:lnTo>
                <a:lnTo>
                  <a:pt x="0" y="5613400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112339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861E62EB-2D81-8B43-A566-88ABEC772BE9}"/>
              </a:ext>
            </a:extLst>
          </p:cNvPr>
          <p:cNvSpPr/>
          <p:nvPr userDrawn="1"/>
        </p:nvSpPr>
        <p:spPr>
          <a:xfrm>
            <a:off x="6319777" y="520861"/>
            <a:ext cx="5416952" cy="5451314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5643111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31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04863" indent="-265113">
              <a:buSzPct val="80000"/>
              <a:buFont typeface="Arial" panose="020B0604020202020204" pitchFamily="34" charset="0"/>
              <a:buChar char="•"/>
              <a:tabLst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4775CBEF-111C-4143-BA6A-8A62D24F12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BB9BF0F-1019-415A-BF12-F21B115F8848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D4272737-6289-4225-ABD2-A8EACD0EB46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8172D938-20CB-4894-915B-0C5DC965AB5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84900" y="360362"/>
            <a:ext cx="5643563" cy="5611813"/>
          </a:xfrm>
          <a:custGeom>
            <a:avLst/>
            <a:gdLst>
              <a:gd name="connsiteX0" fmla="*/ 5140261 w 5643563"/>
              <a:gd name="connsiteY0" fmla="*/ 4981670 h 5611813"/>
              <a:gd name="connsiteX1" fmla="*/ 5140261 w 5643563"/>
              <a:gd name="connsiteY1" fmla="*/ 5103321 h 5611813"/>
              <a:gd name="connsiteX2" fmla="*/ 5018610 w 5643563"/>
              <a:gd name="connsiteY2" fmla="*/ 5103321 h 5611813"/>
              <a:gd name="connsiteX3" fmla="*/ 5018610 w 5643563"/>
              <a:gd name="connsiteY3" fmla="*/ 5147558 h 5611813"/>
              <a:gd name="connsiteX4" fmla="*/ 5140261 w 5643563"/>
              <a:gd name="connsiteY4" fmla="*/ 5147558 h 5611813"/>
              <a:gd name="connsiteX5" fmla="*/ 5140261 w 5643563"/>
              <a:gd name="connsiteY5" fmla="*/ 5269210 h 5611813"/>
              <a:gd name="connsiteX6" fmla="*/ 5184498 w 5643563"/>
              <a:gd name="connsiteY6" fmla="*/ 5269210 h 5611813"/>
              <a:gd name="connsiteX7" fmla="*/ 5184498 w 5643563"/>
              <a:gd name="connsiteY7" fmla="*/ 5147558 h 5611813"/>
              <a:gd name="connsiteX8" fmla="*/ 5306150 w 5643563"/>
              <a:gd name="connsiteY8" fmla="*/ 5147558 h 5611813"/>
              <a:gd name="connsiteX9" fmla="*/ 5306150 w 5643563"/>
              <a:gd name="connsiteY9" fmla="*/ 5103321 h 5611813"/>
              <a:gd name="connsiteX10" fmla="*/ 5184498 w 5643563"/>
              <a:gd name="connsiteY10" fmla="*/ 5103321 h 5611813"/>
              <a:gd name="connsiteX11" fmla="*/ 5184498 w 5643563"/>
              <a:gd name="connsiteY11" fmla="*/ 4981670 h 5611813"/>
              <a:gd name="connsiteX12" fmla="*/ 460106 w 5643563"/>
              <a:gd name="connsiteY12" fmla="*/ 4981670 h 5611813"/>
              <a:gd name="connsiteX13" fmla="*/ 460106 w 5643563"/>
              <a:gd name="connsiteY13" fmla="*/ 5103321 h 5611813"/>
              <a:gd name="connsiteX14" fmla="*/ 338455 w 5643563"/>
              <a:gd name="connsiteY14" fmla="*/ 5103321 h 5611813"/>
              <a:gd name="connsiteX15" fmla="*/ 338455 w 5643563"/>
              <a:gd name="connsiteY15" fmla="*/ 5147558 h 5611813"/>
              <a:gd name="connsiteX16" fmla="*/ 460106 w 5643563"/>
              <a:gd name="connsiteY16" fmla="*/ 5147558 h 5611813"/>
              <a:gd name="connsiteX17" fmla="*/ 460106 w 5643563"/>
              <a:gd name="connsiteY17" fmla="*/ 5269210 h 5611813"/>
              <a:gd name="connsiteX18" fmla="*/ 504343 w 5643563"/>
              <a:gd name="connsiteY18" fmla="*/ 5269210 h 5611813"/>
              <a:gd name="connsiteX19" fmla="*/ 504343 w 5643563"/>
              <a:gd name="connsiteY19" fmla="*/ 5147558 h 5611813"/>
              <a:gd name="connsiteX20" fmla="*/ 625995 w 5643563"/>
              <a:gd name="connsiteY20" fmla="*/ 5147558 h 5611813"/>
              <a:gd name="connsiteX21" fmla="*/ 625995 w 5643563"/>
              <a:gd name="connsiteY21" fmla="*/ 5103321 h 5611813"/>
              <a:gd name="connsiteX22" fmla="*/ 504343 w 5643563"/>
              <a:gd name="connsiteY22" fmla="*/ 5103321 h 5611813"/>
              <a:gd name="connsiteX23" fmla="*/ 504343 w 5643563"/>
              <a:gd name="connsiteY23" fmla="*/ 4981670 h 5611813"/>
              <a:gd name="connsiteX24" fmla="*/ 460106 w 5643563"/>
              <a:gd name="connsiteY24" fmla="*/ 337618 h 5611813"/>
              <a:gd name="connsiteX25" fmla="*/ 460106 w 5643563"/>
              <a:gd name="connsiteY25" fmla="*/ 459269 h 5611813"/>
              <a:gd name="connsiteX26" fmla="*/ 338455 w 5643563"/>
              <a:gd name="connsiteY26" fmla="*/ 459269 h 5611813"/>
              <a:gd name="connsiteX27" fmla="*/ 338455 w 5643563"/>
              <a:gd name="connsiteY27" fmla="*/ 503506 h 5611813"/>
              <a:gd name="connsiteX28" fmla="*/ 460106 w 5643563"/>
              <a:gd name="connsiteY28" fmla="*/ 503506 h 5611813"/>
              <a:gd name="connsiteX29" fmla="*/ 460106 w 5643563"/>
              <a:gd name="connsiteY29" fmla="*/ 625158 h 5611813"/>
              <a:gd name="connsiteX30" fmla="*/ 504343 w 5643563"/>
              <a:gd name="connsiteY30" fmla="*/ 625158 h 5611813"/>
              <a:gd name="connsiteX31" fmla="*/ 504343 w 5643563"/>
              <a:gd name="connsiteY31" fmla="*/ 503506 h 5611813"/>
              <a:gd name="connsiteX32" fmla="*/ 625995 w 5643563"/>
              <a:gd name="connsiteY32" fmla="*/ 503506 h 5611813"/>
              <a:gd name="connsiteX33" fmla="*/ 625995 w 5643563"/>
              <a:gd name="connsiteY33" fmla="*/ 459269 h 5611813"/>
              <a:gd name="connsiteX34" fmla="*/ 504343 w 5643563"/>
              <a:gd name="connsiteY34" fmla="*/ 459269 h 5611813"/>
              <a:gd name="connsiteX35" fmla="*/ 504343 w 5643563"/>
              <a:gd name="connsiteY35" fmla="*/ 337618 h 5611813"/>
              <a:gd name="connsiteX36" fmla="*/ 5140261 w 5643563"/>
              <a:gd name="connsiteY36" fmla="*/ 337618 h 5611813"/>
              <a:gd name="connsiteX37" fmla="*/ 5140261 w 5643563"/>
              <a:gd name="connsiteY37" fmla="*/ 459269 h 5611813"/>
              <a:gd name="connsiteX38" fmla="*/ 5018610 w 5643563"/>
              <a:gd name="connsiteY38" fmla="*/ 459269 h 5611813"/>
              <a:gd name="connsiteX39" fmla="*/ 5018610 w 5643563"/>
              <a:gd name="connsiteY39" fmla="*/ 503506 h 5611813"/>
              <a:gd name="connsiteX40" fmla="*/ 5140261 w 5643563"/>
              <a:gd name="connsiteY40" fmla="*/ 503506 h 5611813"/>
              <a:gd name="connsiteX41" fmla="*/ 5140261 w 5643563"/>
              <a:gd name="connsiteY41" fmla="*/ 625158 h 5611813"/>
              <a:gd name="connsiteX42" fmla="*/ 5184498 w 5643563"/>
              <a:gd name="connsiteY42" fmla="*/ 625158 h 5611813"/>
              <a:gd name="connsiteX43" fmla="*/ 5184498 w 5643563"/>
              <a:gd name="connsiteY43" fmla="*/ 503506 h 5611813"/>
              <a:gd name="connsiteX44" fmla="*/ 5306150 w 5643563"/>
              <a:gd name="connsiteY44" fmla="*/ 503506 h 5611813"/>
              <a:gd name="connsiteX45" fmla="*/ 5306150 w 5643563"/>
              <a:gd name="connsiteY45" fmla="*/ 459269 h 5611813"/>
              <a:gd name="connsiteX46" fmla="*/ 5184498 w 5643563"/>
              <a:gd name="connsiteY46" fmla="*/ 459269 h 5611813"/>
              <a:gd name="connsiteX47" fmla="*/ 5184498 w 5643563"/>
              <a:gd name="connsiteY47" fmla="*/ 337618 h 5611813"/>
              <a:gd name="connsiteX48" fmla="*/ 0 w 5643563"/>
              <a:gd name="connsiteY48" fmla="*/ 0 h 5611813"/>
              <a:gd name="connsiteX49" fmla="*/ 5643563 w 5643563"/>
              <a:gd name="connsiteY49" fmla="*/ 0 h 5611813"/>
              <a:gd name="connsiteX50" fmla="*/ 5643563 w 5643563"/>
              <a:gd name="connsiteY50" fmla="*/ 5611813 h 5611813"/>
              <a:gd name="connsiteX51" fmla="*/ 0 w 5643563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5643563" h="5611813">
                <a:moveTo>
                  <a:pt x="5140261" y="4981670"/>
                </a:moveTo>
                <a:lnTo>
                  <a:pt x="5140261" y="5103321"/>
                </a:lnTo>
                <a:lnTo>
                  <a:pt x="5018610" y="5103321"/>
                </a:lnTo>
                <a:lnTo>
                  <a:pt x="5018610" y="5147558"/>
                </a:lnTo>
                <a:lnTo>
                  <a:pt x="5140261" y="5147558"/>
                </a:lnTo>
                <a:lnTo>
                  <a:pt x="5140261" y="5269210"/>
                </a:lnTo>
                <a:lnTo>
                  <a:pt x="5184498" y="5269210"/>
                </a:lnTo>
                <a:lnTo>
                  <a:pt x="5184498" y="5147558"/>
                </a:lnTo>
                <a:lnTo>
                  <a:pt x="5306150" y="5147558"/>
                </a:lnTo>
                <a:lnTo>
                  <a:pt x="5306150" y="5103321"/>
                </a:lnTo>
                <a:lnTo>
                  <a:pt x="5184498" y="5103321"/>
                </a:lnTo>
                <a:lnTo>
                  <a:pt x="5184498" y="4981670"/>
                </a:lnTo>
                <a:close/>
                <a:moveTo>
                  <a:pt x="460106" y="4981670"/>
                </a:moveTo>
                <a:lnTo>
                  <a:pt x="460106" y="5103321"/>
                </a:lnTo>
                <a:lnTo>
                  <a:pt x="338455" y="5103321"/>
                </a:lnTo>
                <a:lnTo>
                  <a:pt x="338455" y="5147558"/>
                </a:lnTo>
                <a:lnTo>
                  <a:pt x="460106" y="5147558"/>
                </a:lnTo>
                <a:lnTo>
                  <a:pt x="460106" y="5269210"/>
                </a:lnTo>
                <a:lnTo>
                  <a:pt x="504343" y="5269210"/>
                </a:lnTo>
                <a:lnTo>
                  <a:pt x="504343" y="5147558"/>
                </a:lnTo>
                <a:lnTo>
                  <a:pt x="625995" y="5147558"/>
                </a:lnTo>
                <a:lnTo>
                  <a:pt x="625995" y="5103321"/>
                </a:lnTo>
                <a:lnTo>
                  <a:pt x="504343" y="5103321"/>
                </a:lnTo>
                <a:lnTo>
                  <a:pt x="504343" y="4981670"/>
                </a:lnTo>
                <a:close/>
                <a:moveTo>
                  <a:pt x="460106" y="337618"/>
                </a:moveTo>
                <a:lnTo>
                  <a:pt x="460106" y="459269"/>
                </a:lnTo>
                <a:lnTo>
                  <a:pt x="338455" y="459269"/>
                </a:lnTo>
                <a:lnTo>
                  <a:pt x="338455" y="503506"/>
                </a:lnTo>
                <a:lnTo>
                  <a:pt x="460106" y="503506"/>
                </a:lnTo>
                <a:lnTo>
                  <a:pt x="460106" y="625158"/>
                </a:lnTo>
                <a:lnTo>
                  <a:pt x="504343" y="625158"/>
                </a:lnTo>
                <a:lnTo>
                  <a:pt x="504343" y="503506"/>
                </a:lnTo>
                <a:lnTo>
                  <a:pt x="625995" y="503506"/>
                </a:lnTo>
                <a:lnTo>
                  <a:pt x="625995" y="459269"/>
                </a:lnTo>
                <a:lnTo>
                  <a:pt x="504343" y="459269"/>
                </a:lnTo>
                <a:lnTo>
                  <a:pt x="504343" y="337618"/>
                </a:lnTo>
                <a:close/>
                <a:moveTo>
                  <a:pt x="5140261" y="337618"/>
                </a:moveTo>
                <a:lnTo>
                  <a:pt x="5140261" y="459269"/>
                </a:lnTo>
                <a:lnTo>
                  <a:pt x="5018610" y="459269"/>
                </a:lnTo>
                <a:lnTo>
                  <a:pt x="5018610" y="503506"/>
                </a:lnTo>
                <a:lnTo>
                  <a:pt x="5140261" y="503506"/>
                </a:lnTo>
                <a:lnTo>
                  <a:pt x="5140261" y="625158"/>
                </a:lnTo>
                <a:lnTo>
                  <a:pt x="5184498" y="625158"/>
                </a:lnTo>
                <a:lnTo>
                  <a:pt x="5184498" y="503506"/>
                </a:lnTo>
                <a:lnTo>
                  <a:pt x="5306150" y="503506"/>
                </a:lnTo>
                <a:lnTo>
                  <a:pt x="5306150" y="459269"/>
                </a:lnTo>
                <a:lnTo>
                  <a:pt x="5184498" y="459269"/>
                </a:lnTo>
                <a:lnTo>
                  <a:pt x="5184498" y="337618"/>
                </a:lnTo>
                <a:close/>
                <a:moveTo>
                  <a:pt x="0" y="0"/>
                </a:moveTo>
                <a:lnTo>
                  <a:pt x="5643563" y="0"/>
                </a:lnTo>
                <a:lnTo>
                  <a:pt x="5643563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13524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96037F22-DBA2-4F47-8C19-81662A5DF9A9}"/>
              </a:ext>
            </a:extLst>
          </p:cNvPr>
          <p:cNvSpPr/>
          <p:nvPr userDrawn="1"/>
        </p:nvSpPr>
        <p:spPr>
          <a:xfrm>
            <a:off x="7359449" y="425191"/>
            <a:ext cx="4330981" cy="5451314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608138"/>
            <a:ext cx="661828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EFCEC39-2372-4045-99EE-39B177B035BF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4840787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1FEFCC8B-062A-BD44-A926-C1136469C5B1}"/>
              </a:ext>
            </a:extLst>
          </p:cNvPr>
          <p:cNvSpPr/>
          <p:nvPr userDrawn="1"/>
        </p:nvSpPr>
        <p:spPr>
          <a:xfrm>
            <a:off x="8356921" y="659757"/>
            <a:ext cx="3379807" cy="5120852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37068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C440183-24ED-4F18-90EF-5383913F10F6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7" y="1608138"/>
            <a:ext cx="370363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731ED8FA-6833-4B9B-BC29-AB9F487B0404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74BBD8-400D-45C2-8BF8-E083C79CE5A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C2D6955C-B7F8-4DE2-A88A-4C0BE8637E72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28000" y="358775"/>
            <a:ext cx="3703637" cy="5613400"/>
          </a:xfrm>
          <a:custGeom>
            <a:avLst/>
            <a:gdLst>
              <a:gd name="connsiteX0" fmla="*/ 3171440 w 3703637"/>
              <a:gd name="connsiteY0" fmla="*/ 4965635 h 5613400"/>
              <a:gd name="connsiteX1" fmla="*/ 3171440 w 3703637"/>
              <a:gd name="connsiteY1" fmla="*/ 5087286 h 5613400"/>
              <a:gd name="connsiteX2" fmla="*/ 3049789 w 3703637"/>
              <a:gd name="connsiteY2" fmla="*/ 5087286 h 5613400"/>
              <a:gd name="connsiteX3" fmla="*/ 3049789 w 3703637"/>
              <a:gd name="connsiteY3" fmla="*/ 5131523 h 5613400"/>
              <a:gd name="connsiteX4" fmla="*/ 3171440 w 3703637"/>
              <a:gd name="connsiteY4" fmla="*/ 5131523 h 5613400"/>
              <a:gd name="connsiteX5" fmla="*/ 3171440 w 3703637"/>
              <a:gd name="connsiteY5" fmla="*/ 5253175 h 5613400"/>
              <a:gd name="connsiteX6" fmla="*/ 3215677 w 3703637"/>
              <a:gd name="connsiteY6" fmla="*/ 5253175 h 5613400"/>
              <a:gd name="connsiteX7" fmla="*/ 3215677 w 3703637"/>
              <a:gd name="connsiteY7" fmla="*/ 5131523 h 5613400"/>
              <a:gd name="connsiteX8" fmla="*/ 3337329 w 3703637"/>
              <a:gd name="connsiteY8" fmla="*/ 5131523 h 5613400"/>
              <a:gd name="connsiteX9" fmla="*/ 3337329 w 3703637"/>
              <a:gd name="connsiteY9" fmla="*/ 5087286 h 5613400"/>
              <a:gd name="connsiteX10" fmla="*/ 3215677 w 3703637"/>
              <a:gd name="connsiteY10" fmla="*/ 5087286 h 5613400"/>
              <a:gd name="connsiteX11" fmla="*/ 3215677 w 3703637"/>
              <a:gd name="connsiteY11" fmla="*/ 4965635 h 5613400"/>
              <a:gd name="connsiteX12" fmla="*/ 480088 w 3703637"/>
              <a:gd name="connsiteY12" fmla="*/ 4965635 h 5613400"/>
              <a:gd name="connsiteX13" fmla="*/ 480088 w 3703637"/>
              <a:gd name="connsiteY13" fmla="*/ 5087286 h 5613400"/>
              <a:gd name="connsiteX14" fmla="*/ 358437 w 3703637"/>
              <a:gd name="connsiteY14" fmla="*/ 5087286 h 5613400"/>
              <a:gd name="connsiteX15" fmla="*/ 358437 w 3703637"/>
              <a:gd name="connsiteY15" fmla="*/ 5131523 h 5613400"/>
              <a:gd name="connsiteX16" fmla="*/ 480088 w 3703637"/>
              <a:gd name="connsiteY16" fmla="*/ 5131523 h 5613400"/>
              <a:gd name="connsiteX17" fmla="*/ 480088 w 3703637"/>
              <a:gd name="connsiteY17" fmla="*/ 5253175 h 5613400"/>
              <a:gd name="connsiteX18" fmla="*/ 524325 w 3703637"/>
              <a:gd name="connsiteY18" fmla="*/ 5253175 h 5613400"/>
              <a:gd name="connsiteX19" fmla="*/ 524325 w 3703637"/>
              <a:gd name="connsiteY19" fmla="*/ 5131523 h 5613400"/>
              <a:gd name="connsiteX20" fmla="*/ 645977 w 3703637"/>
              <a:gd name="connsiteY20" fmla="*/ 5131523 h 5613400"/>
              <a:gd name="connsiteX21" fmla="*/ 645977 w 3703637"/>
              <a:gd name="connsiteY21" fmla="*/ 5087286 h 5613400"/>
              <a:gd name="connsiteX22" fmla="*/ 524325 w 3703637"/>
              <a:gd name="connsiteY22" fmla="*/ 5087286 h 5613400"/>
              <a:gd name="connsiteX23" fmla="*/ 524325 w 3703637"/>
              <a:gd name="connsiteY23" fmla="*/ 4965635 h 5613400"/>
              <a:gd name="connsiteX24" fmla="*/ 3171440 w 3703637"/>
              <a:gd name="connsiteY24" fmla="*/ 354399 h 5613400"/>
              <a:gd name="connsiteX25" fmla="*/ 3171440 w 3703637"/>
              <a:gd name="connsiteY25" fmla="*/ 476050 h 5613400"/>
              <a:gd name="connsiteX26" fmla="*/ 3049789 w 3703637"/>
              <a:gd name="connsiteY26" fmla="*/ 476050 h 5613400"/>
              <a:gd name="connsiteX27" fmla="*/ 3049789 w 3703637"/>
              <a:gd name="connsiteY27" fmla="*/ 520287 h 5613400"/>
              <a:gd name="connsiteX28" fmla="*/ 3171440 w 3703637"/>
              <a:gd name="connsiteY28" fmla="*/ 520287 h 5613400"/>
              <a:gd name="connsiteX29" fmla="*/ 3171440 w 3703637"/>
              <a:gd name="connsiteY29" fmla="*/ 641939 h 5613400"/>
              <a:gd name="connsiteX30" fmla="*/ 3215677 w 3703637"/>
              <a:gd name="connsiteY30" fmla="*/ 641939 h 5613400"/>
              <a:gd name="connsiteX31" fmla="*/ 3215677 w 3703637"/>
              <a:gd name="connsiteY31" fmla="*/ 520287 h 5613400"/>
              <a:gd name="connsiteX32" fmla="*/ 3337329 w 3703637"/>
              <a:gd name="connsiteY32" fmla="*/ 520287 h 5613400"/>
              <a:gd name="connsiteX33" fmla="*/ 3337329 w 3703637"/>
              <a:gd name="connsiteY33" fmla="*/ 476050 h 5613400"/>
              <a:gd name="connsiteX34" fmla="*/ 3215677 w 3703637"/>
              <a:gd name="connsiteY34" fmla="*/ 476050 h 5613400"/>
              <a:gd name="connsiteX35" fmla="*/ 3215677 w 3703637"/>
              <a:gd name="connsiteY35" fmla="*/ 354399 h 5613400"/>
              <a:gd name="connsiteX36" fmla="*/ 480088 w 3703637"/>
              <a:gd name="connsiteY36" fmla="*/ 354399 h 5613400"/>
              <a:gd name="connsiteX37" fmla="*/ 480088 w 3703637"/>
              <a:gd name="connsiteY37" fmla="*/ 476050 h 5613400"/>
              <a:gd name="connsiteX38" fmla="*/ 358437 w 3703637"/>
              <a:gd name="connsiteY38" fmla="*/ 476050 h 5613400"/>
              <a:gd name="connsiteX39" fmla="*/ 358437 w 3703637"/>
              <a:gd name="connsiteY39" fmla="*/ 520287 h 5613400"/>
              <a:gd name="connsiteX40" fmla="*/ 480088 w 3703637"/>
              <a:gd name="connsiteY40" fmla="*/ 520287 h 5613400"/>
              <a:gd name="connsiteX41" fmla="*/ 480088 w 3703637"/>
              <a:gd name="connsiteY41" fmla="*/ 641939 h 5613400"/>
              <a:gd name="connsiteX42" fmla="*/ 524325 w 3703637"/>
              <a:gd name="connsiteY42" fmla="*/ 641939 h 5613400"/>
              <a:gd name="connsiteX43" fmla="*/ 524325 w 3703637"/>
              <a:gd name="connsiteY43" fmla="*/ 520287 h 5613400"/>
              <a:gd name="connsiteX44" fmla="*/ 645977 w 3703637"/>
              <a:gd name="connsiteY44" fmla="*/ 520287 h 5613400"/>
              <a:gd name="connsiteX45" fmla="*/ 645977 w 3703637"/>
              <a:gd name="connsiteY45" fmla="*/ 476050 h 5613400"/>
              <a:gd name="connsiteX46" fmla="*/ 524325 w 3703637"/>
              <a:gd name="connsiteY46" fmla="*/ 476050 h 5613400"/>
              <a:gd name="connsiteX47" fmla="*/ 524325 w 3703637"/>
              <a:gd name="connsiteY47" fmla="*/ 354399 h 5613400"/>
              <a:gd name="connsiteX48" fmla="*/ 0 w 3703637"/>
              <a:gd name="connsiteY48" fmla="*/ 0 h 5613400"/>
              <a:gd name="connsiteX49" fmla="*/ 3703637 w 3703637"/>
              <a:gd name="connsiteY49" fmla="*/ 0 h 5613400"/>
              <a:gd name="connsiteX50" fmla="*/ 3703637 w 3703637"/>
              <a:gd name="connsiteY50" fmla="*/ 5613400 h 5613400"/>
              <a:gd name="connsiteX51" fmla="*/ 0 w 3703637"/>
              <a:gd name="connsiteY51" fmla="*/ 5613400 h 5613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3703637" h="5613400">
                <a:moveTo>
                  <a:pt x="3171440" y="4965635"/>
                </a:moveTo>
                <a:lnTo>
                  <a:pt x="3171440" y="5087286"/>
                </a:lnTo>
                <a:lnTo>
                  <a:pt x="3049789" y="5087286"/>
                </a:lnTo>
                <a:lnTo>
                  <a:pt x="3049789" y="5131523"/>
                </a:lnTo>
                <a:lnTo>
                  <a:pt x="3171440" y="5131523"/>
                </a:lnTo>
                <a:lnTo>
                  <a:pt x="3171440" y="5253175"/>
                </a:lnTo>
                <a:lnTo>
                  <a:pt x="3215677" y="5253175"/>
                </a:lnTo>
                <a:lnTo>
                  <a:pt x="3215677" y="5131523"/>
                </a:lnTo>
                <a:lnTo>
                  <a:pt x="3337329" y="5131523"/>
                </a:lnTo>
                <a:lnTo>
                  <a:pt x="3337329" y="5087286"/>
                </a:lnTo>
                <a:lnTo>
                  <a:pt x="3215677" y="5087286"/>
                </a:lnTo>
                <a:lnTo>
                  <a:pt x="3215677" y="4965635"/>
                </a:lnTo>
                <a:close/>
                <a:moveTo>
                  <a:pt x="480088" y="4965635"/>
                </a:moveTo>
                <a:lnTo>
                  <a:pt x="480088" y="5087286"/>
                </a:lnTo>
                <a:lnTo>
                  <a:pt x="358437" y="5087286"/>
                </a:lnTo>
                <a:lnTo>
                  <a:pt x="358437" y="5131523"/>
                </a:lnTo>
                <a:lnTo>
                  <a:pt x="480088" y="5131523"/>
                </a:lnTo>
                <a:lnTo>
                  <a:pt x="480088" y="5253175"/>
                </a:lnTo>
                <a:lnTo>
                  <a:pt x="524325" y="5253175"/>
                </a:lnTo>
                <a:lnTo>
                  <a:pt x="524325" y="5131523"/>
                </a:lnTo>
                <a:lnTo>
                  <a:pt x="645977" y="5131523"/>
                </a:lnTo>
                <a:lnTo>
                  <a:pt x="645977" y="5087286"/>
                </a:lnTo>
                <a:lnTo>
                  <a:pt x="524325" y="5087286"/>
                </a:lnTo>
                <a:lnTo>
                  <a:pt x="524325" y="4965635"/>
                </a:lnTo>
                <a:close/>
                <a:moveTo>
                  <a:pt x="3171440" y="354399"/>
                </a:moveTo>
                <a:lnTo>
                  <a:pt x="3171440" y="476050"/>
                </a:lnTo>
                <a:lnTo>
                  <a:pt x="3049789" y="476050"/>
                </a:lnTo>
                <a:lnTo>
                  <a:pt x="3049789" y="520287"/>
                </a:lnTo>
                <a:lnTo>
                  <a:pt x="3171440" y="520287"/>
                </a:lnTo>
                <a:lnTo>
                  <a:pt x="3171440" y="641939"/>
                </a:lnTo>
                <a:lnTo>
                  <a:pt x="3215677" y="641939"/>
                </a:lnTo>
                <a:lnTo>
                  <a:pt x="3215677" y="520287"/>
                </a:lnTo>
                <a:lnTo>
                  <a:pt x="3337329" y="520287"/>
                </a:lnTo>
                <a:lnTo>
                  <a:pt x="3337329" y="476050"/>
                </a:lnTo>
                <a:lnTo>
                  <a:pt x="3215677" y="476050"/>
                </a:lnTo>
                <a:lnTo>
                  <a:pt x="3215677" y="354399"/>
                </a:lnTo>
                <a:close/>
                <a:moveTo>
                  <a:pt x="480088" y="354399"/>
                </a:moveTo>
                <a:lnTo>
                  <a:pt x="480088" y="476050"/>
                </a:lnTo>
                <a:lnTo>
                  <a:pt x="358437" y="476050"/>
                </a:lnTo>
                <a:lnTo>
                  <a:pt x="358437" y="520287"/>
                </a:lnTo>
                <a:lnTo>
                  <a:pt x="480088" y="520287"/>
                </a:lnTo>
                <a:lnTo>
                  <a:pt x="480088" y="641939"/>
                </a:lnTo>
                <a:lnTo>
                  <a:pt x="524325" y="641939"/>
                </a:lnTo>
                <a:lnTo>
                  <a:pt x="524325" y="520287"/>
                </a:lnTo>
                <a:lnTo>
                  <a:pt x="645977" y="520287"/>
                </a:lnTo>
                <a:lnTo>
                  <a:pt x="645977" y="476050"/>
                </a:lnTo>
                <a:lnTo>
                  <a:pt x="524325" y="476050"/>
                </a:lnTo>
                <a:lnTo>
                  <a:pt x="524325" y="354399"/>
                </a:lnTo>
                <a:close/>
                <a:moveTo>
                  <a:pt x="0" y="0"/>
                </a:moveTo>
                <a:lnTo>
                  <a:pt x="3703637" y="0"/>
                </a:lnTo>
                <a:lnTo>
                  <a:pt x="3703637" y="5613400"/>
                </a:lnTo>
                <a:lnTo>
                  <a:pt x="0" y="5613400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19679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ACF02C55-7208-48B3-80BE-7F51B362FBE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2" cy="6138000"/>
          </a:xfrm>
        </p:spPr>
        <p:txBody>
          <a:bodyPr tIns="288000" anchor="ctr" anchorCtr="0"/>
          <a:lstStyle>
            <a:lvl1pPr marL="0" indent="0">
              <a:lnSpc>
                <a:spcPct val="95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6000" i="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latin typeface="Consolas" panose="020B0609020204030204" pitchFamily="49" charset="0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Add name her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0A6DD46-B671-41B0-AFF3-D58E06547350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FBE96656-FB30-4DC0-B294-A53D43CC5BD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2" name="text" descr="{&quot;templafy&quot;:{&quot;id&quot;:&quot;2dee36b9-9751-4ded-a149-85d8757825e3&quot;}}" title="Form.Cigna_Confidentiality.EvernorthConfidentiality">
            <a:extLst>
              <a:ext uri="{FF2B5EF4-FFF2-40B4-BE49-F238E27FC236}">
                <a16:creationId xmlns:a16="http://schemas.microsoft.com/office/drawing/2014/main" id="{179FA152-A235-4745-BF20-BDFAEAF315FA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19aff1d1-d366-41dd-95a5-9798f8e71004&quot;}}" title="Form.Cigna_Confidentiality.Cigna_confidentiality">
            <a:extLst>
              <a:ext uri="{FF2B5EF4-FFF2-40B4-BE49-F238E27FC236}">
                <a16:creationId xmlns:a16="http://schemas.microsoft.com/office/drawing/2014/main" id="{9E82B773-27FC-4A37-860F-91489E0132F0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5735220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2" cy="6138000"/>
          </a:xfrm>
        </p:spPr>
        <p:txBody>
          <a:bodyPr tIns="288000" anchor="ctr" anchorCtr="0"/>
          <a:lstStyle>
            <a:lvl1pPr marL="0" indent="0">
              <a:lnSpc>
                <a:spcPct val="95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6000" i="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latin typeface="Consolas" panose="020B0609020204030204" pitchFamily="49" charset="0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Add name her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97AA79E-46A4-4FC7-8E3B-DE0BA004FD7B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673EC67-C24F-417A-8AFF-8C5956CA5BE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26089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8"/>
            <a:endParaRPr lang="en-US" noProof="0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DD0B2BF0-6EC9-40DF-9CB4-4138D91B7E34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09449098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8" y="360362"/>
            <a:ext cx="3706812" cy="1068388"/>
          </a:xfrm>
        </p:spPr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13792E7-D3ED-44A3-BDD8-D9B78A9E668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000" y="1609199"/>
            <a:ext cx="3704080" cy="4362975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endParaRPr lang="en-US" dirty="0"/>
          </a:p>
          <a:p>
            <a:pPr lvl="8"/>
            <a:endParaRPr lang="en-US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EA23C3E-812A-448E-A56C-7B570C44284B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214938" y="360000"/>
            <a:ext cx="2732087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629B33CE-B0C3-47BE-B282-38CF33B6B4C5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5214938" y="3254400"/>
            <a:ext cx="2732087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25750" indent="-28575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endParaRPr lang="en-US" dirty="0"/>
          </a:p>
        </p:txBody>
      </p:sp>
      <p:sp>
        <p:nvSpPr>
          <p:cNvPr id="14" name="Content Placeholder 10">
            <a:extLst>
              <a:ext uri="{FF2B5EF4-FFF2-40B4-BE49-F238E27FC236}">
                <a16:creationId xmlns:a16="http://schemas.microsoft.com/office/drawing/2014/main" id="{E825DF73-58A1-47D7-B622-D1B8BA7C33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91164" y="360000"/>
            <a:ext cx="2732088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5" name="Content Placeholder 12">
            <a:extLst>
              <a:ext uri="{FF2B5EF4-FFF2-40B4-BE49-F238E27FC236}">
                <a16:creationId xmlns:a16="http://schemas.microsoft.com/office/drawing/2014/main" id="{74A4E2BC-92E5-4432-B1DD-099201543C36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91164" y="3254400"/>
            <a:ext cx="2732088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2E73A1B-874D-4A61-944C-6104EF22B9D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BA721E3A-672A-48B9-8C43-EE960D374719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92667E6-AA52-4ED3-B122-113FB4F8CA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8">
            <a:extLst>
              <a:ext uri="{FF2B5EF4-FFF2-40B4-BE49-F238E27FC236}">
                <a16:creationId xmlns:a16="http://schemas.microsoft.com/office/drawing/2014/main" id="{74F0C388-2B1F-4F56-9D85-B290B98203B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2735262" cy="1068388"/>
          </a:xfrm>
        </p:spPr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13792E7-D3ED-44A3-BDD8-D9B78A9E668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001" y="1609199"/>
            <a:ext cx="2733245" cy="4362975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EA23C3E-812A-448E-A56C-7B570C44284B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243388" y="360000"/>
            <a:ext cx="1763712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629B33CE-B0C3-47BE-B282-38CF33B6B4C5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8" y="3254400"/>
            <a:ext cx="1763712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825DF73-58A1-47D7-B622-D1B8BA7C33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7157242" y="360000"/>
            <a:ext cx="1759746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74A4E2BC-92E5-4432-B1DD-099201543C36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7157242" y="3254400"/>
            <a:ext cx="1759746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2" name="Content Placeholder 15">
            <a:extLst>
              <a:ext uri="{FF2B5EF4-FFF2-40B4-BE49-F238E27FC236}">
                <a16:creationId xmlns:a16="http://schemas.microsoft.com/office/drawing/2014/main" id="{BCE8D801-EF6F-417A-AE54-EF4B467BE746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10067130" y="360000"/>
            <a:ext cx="1764870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6" name="Content Placeholder 16">
            <a:extLst>
              <a:ext uri="{FF2B5EF4-FFF2-40B4-BE49-F238E27FC236}">
                <a16:creationId xmlns:a16="http://schemas.microsoft.com/office/drawing/2014/main" id="{BC8AE6A5-C0DA-4E70-9B5B-794B2DD66EE9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10067130" y="3254400"/>
            <a:ext cx="1764870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2E73A1B-874D-4A61-944C-6104EF22B9D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2F3B26F-2B10-4C48-8742-ECF78E3EDE0B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92667E6-AA52-4ED3-B122-113FB4F8CA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Footer Placeholder 8">
            <a:extLst>
              <a:ext uri="{FF2B5EF4-FFF2-40B4-BE49-F238E27FC236}">
                <a16:creationId xmlns:a16="http://schemas.microsoft.com/office/drawing/2014/main" id="{678ECD0E-3051-48C9-B861-FC55CC541F7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6804559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Infographi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8" y="360362"/>
            <a:ext cx="6618287" cy="1068388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6C94FD4-54C8-45B4-9DA7-E81EA29123C1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A08A0EB6-6EF6-4C48-A3C1-7BAD68A1AAF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ver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1" y="1842597"/>
            <a:ext cx="8556987" cy="1820863"/>
          </a:xfrm>
          <a:noFill/>
        </p:spPr>
        <p:txBody>
          <a:bodyPr anchor="b" anchorCtr="0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9D95A4B-FCFC-48EF-98F8-6CE38573EB9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1"/>
            <a:ext cx="8556987" cy="1765921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274356DE-44CC-4A57-B1CC-48C0CC55B33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1D29C89-1139-49DB-8863-361B196D6631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84929F5-B353-419F-879B-13513065700D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9EA9BC73-6944-4885-9960-E66A391BEDC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" descr="{&quot;templafy&quot;:{&quot;id&quot;:&quot;0696453b-099a-48cc-901c-34f7c64ab139&quot;}}" title="Form.Cigna_Confidentiality.EvernorthConfidentiality">
            <a:extLst>
              <a:ext uri="{FF2B5EF4-FFF2-40B4-BE49-F238E27FC236}">
                <a16:creationId xmlns:a16="http://schemas.microsoft.com/office/drawing/2014/main" id="{351F1E21-0C07-4F19-B8F7-5C8CCA364B4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978ce250-14ca-4887-9b67-58a52e1173b4&quot;}}" title="Form.Cigna_Confidentiality.Cigna_confidentiality">
            <a:extLst>
              <a:ext uri="{FF2B5EF4-FFF2-40B4-BE49-F238E27FC236}">
                <a16:creationId xmlns:a16="http://schemas.microsoft.com/office/drawing/2014/main" id="{8453E8F5-BB6A-474A-BE59-37FDF635B375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73788056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Infographic w/eyeb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A08A0EB6-6EF6-4C48-A3C1-7BAD68A1AAF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7A655C7-CF4D-4744-9276-B426F65AE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6400" y="518400"/>
            <a:ext cx="7589836" cy="10096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D6B3DB25-56C7-A24E-8BD8-29AD5E72AC2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6400" y="129600"/>
            <a:ext cx="7589837" cy="269245"/>
          </a:xfrm>
          <a:prstGeom prst="rect">
            <a:avLst/>
          </a:prstGeom>
        </p:spPr>
        <p:txBody>
          <a:bodyPr lIns="0" anchor="b" anchorCtr="0">
            <a:noAutofit/>
          </a:bodyPr>
          <a:lstStyle>
            <a:lvl1pPr marL="0" indent="0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None/>
              <a:defRPr sz="1200" b="0" i="0" cap="all" spc="150" baseline="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D04106-8929-431D-8754-FFAC8DF7F73A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>
            <a:lvl1pPr algn="r">
              <a:defRPr/>
            </a:lvl1pPr>
          </a:lstStyle>
          <a:p>
            <a:fld id="{91F2A218-8EC3-4ABD-95C2-C85E74315FA4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CCB85E8-E9A6-42E6-832D-DAE6C6B71D4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450892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Infographi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C55E3C9A-D44E-4F76-AC89-1CD406B62E1D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9FEE09BE-0BC3-4B9F-A94D-D67FDE99497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9B5E0337-74F5-4572-A0BC-0CB01539BB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6" cy="106838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4C9ADD6E-C7FE-4C30-817F-771FC6C3F24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4" name="text" descr="{&quot;templafy&quot;:{&quot;id&quot;:&quot;b4e207ad-6d83-4c79-83ff-4003187b004f&quot;}}" title="Form.Cigna_Confidentiality.EvernorthConfidentiality">
            <a:extLst>
              <a:ext uri="{FF2B5EF4-FFF2-40B4-BE49-F238E27FC236}">
                <a16:creationId xmlns:a16="http://schemas.microsoft.com/office/drawing/2014/main" id="{1F510359-C3CB-46BD-8EB1-4D7106D45B2B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b8977812-2056-40dc-8898-3d3de5394739&quot;}}" title="Form.Cigna_Confidentiality.Cigna_confidentiality">
            <a:extLst>
              <a:ext uri="{FF2B5EF4-FFF2-40B4-BE49-F238E27FC236}">
                <a16:creationId xmlns:a16="http://schemas.microsoft.com/office/drawing/2014/main" id="{5D94009D-18AC-47B8-8A6C-B74CF145CAFF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9525407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F0C85652-6B06-4BCD-9A94-877AFB38C7DE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13">
            <a:extLst>
              <a:ext uri="{FF2B5EF4-FFF2-40B4-BE49-F238E27FC236}">
                <a16:creationId xmlns:a16="http://schemas.microsoft.com/office/drawing/2014/main" id="{2EDC7333-558C-4005-82A2-C278C95B67D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6660" y="1523708"/>
            <a:ext cx="2786833" cy="52322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endParaRPr lang="en-US" dirty="0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073493" y="1791789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58775" y="1523708"/>
            <a:ext cx="2280360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78654" y="3232912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679195" y="2509729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73493" y="3034518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685076" y="4223464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685076" y="5551617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29514" y="3844258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500257" y="1523708"/>
            <a:ext cx="2358243" cy="39087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RIDLIN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5" y="358775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 dirty="0"/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36682" y="455154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685075" y="4987076"/>
            <a:ext cx="475428" cy="176762"/>
          </a:xfrm>
          <a:prstGeom prst="rect">
            <a:avLst/>
          </a:prstGeom>
        </p:spPr>
      </p:pic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1036682" y="2132936"/>
            <a:ext cx="378293" cy="543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29305663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 bwMode="inv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invGray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invGray"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invGray"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 dirty="0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9AC90A1C-3154-41CE-8000-9969C211DABE}" type="datetime1">
              <a:rPr lang="en-US" smtClean="0"/>
              <a:t>1/3/2023</a:t>
            </a:fld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invGray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2" y="1369055"/>
            <a:ext cx="5645512" cy="2924037"/>
          </a:xfrm>
          <a:noFill/>
        </p:spPr>
        <p:txBody>
          <a:bodyPr rIns="360000" anchor="b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28E0774-DE91-497B-8DE0-42893B8C648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186488" y="0"/>
            <a:ext cx="6003112" cy="6858000"/>
          </a:xfrm>
          <a:solidFill>
            <a:schemeClr val="accent6"/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E4E5DF5-D872-4D22-B399-15C13EA7540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57188" y="4417784"/>
            <a:ext cx="5645512" cy="1440000"/>
          </a:xfrm>
        </p:spPr>
        <p:txBody>
          <a:bodyPr rIns="360000"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B314A1CE-5A23-478F-8CFD-77AE171BBD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DCF4BF-2749-408F-9A14-54995A5BC0B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8C98B87-D4B9-423C-8DEF-2D61E36D2867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0CD60B0-6BC9-4F37-A9BB-5392C94B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" descr="{&quot;templafy&quot;:{&quot;id&quot;:&quot;b9617627-b491-4480-b334-b8b23bcefbf6&quot;}}" title="Form.Cigna_Confidentiality.EvernorthConfidentiality">
            <a:extLst>
              <a:ext uri="{FF2B5EF4-FFF2-40B4-BE49-F238E27FC236}">
                <a16:creationId xmlns:a16="http://schemas.microsoft.com/office/drawing/2014/main" id="{FEB5D696-2EC4-4B8B-92D9-42BF9303EDBE}"/>
              </a:ext>
            </a:extLst>
          </p:cNvPr>
          <p:cNvSpPr/>
          <p:nvPr userDrawn="1"/>
        </p:nvSpPr>
        <p:spPr>
          <a:xfrm>
            <a:off x="2303463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09ebe668-4851-4c45-a3ed-9b10ee1dca6b&quot;}}" title="Form.Cigna_Confidentiality.Cigna_confidentiality">
            <a:extLst>
              <a:ext uri="{FF2B5EF4-FFF2-40B4-BE49-F238E27FC236}">
                <a16:creationId xmlns:a16="http://schemas.microsoft.com/office/drawing/2014/main" id="{33DE994C-DD83-4221-8AE6-32F741593504}"/>
              </a:ext>
            </a:extLst>
          </p:cNvPr>
          <p:cNvSpPr/>
          <p:nvPr userDrawn="1"/>
        </p:nvSpPr>
        <p:spPr>
          <a:xfrm>
            <a:off x="2303463" y="6581640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9391322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2" y="1369055"/>
            <a:ext cx="5645512" cy="2924037"/>
          </a:xfrm>
          <a:noFill/>
        </p:spPr>
        <p:txBody>
          <a:bodyPr rIns="360000" anchor="b"/>
          <a:lstStyle>
            <a:lvl1pPr algn="l">
              <a:lnSpc>
                <a:spcPct val="95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28E0774-DE91-497B-8DE0-42893B8C648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186488" y="0"/>
            <a:ext cx="6003112" cy="6858000"/>
          </a:xfrm>
          <a:solidFill>
            <a:schemeClr val="accent6"/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E4E5DF5-D872-4D22-B399-15C13EA7540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57188" y="4417784"/>
            <a:ext cx="5645512" cy="1440000"/>
          </a:xfrm>
        </p:spPr>
        <p:txBody>
          <a:bodyPr rIns="360000"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B314A1CE-5A23-478F-8CFD-77AE171BBD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DCF4BF-2749-408F-9A14-54995A5BC0B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8C98B87-D4B9-423C-8DEF-2D61E36D2867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0CD60B0-6BC9-4F37-A9BB-5392C94B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" descr="{&quot;templafy&quot;:{&quot;id&quot;:&quot;2caf9668-f89d-4bda-a5b9-61d472741e49&quot;}}" title="Form.Cigna_Confidentiality.EvernorthConfidentiality">
            <a:extLst>
              <a:ext uri="{FF2B5EF4-FFF2-40B4-BE49-F238E27FC236}">
                <a16:creationId xmlns:a16="http://schemas.microsoft.com/office/drawing/2014/main" id="{FEB5D696-2EC4-4B8B-92D9-42BF9303EDBE}"/>
              </a:ext>
            </a:extLst>
          </p:cNvPr>
          <p:cNvSpPr/>
          <p:nvPr userDrawn="1"/>
        </p:nvSpPr>
        <p:spPr>
          <a:xfrm>
            <a:off x="2303463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b5d0465d-619b-4aa3-897f-ac62da73575c&quot;}}" title="Form.Cigna_Confidentiality.Cigna_confidentiality">
            <a:extLst>
              <a:ext uri="{FF2B5EF4-FFF2-40B4-BE49-F238E27FC236}">
                <a16:creationId xmlns:a16="http://schemas.microsoft.com/office/drawing/2014/main" id="{33DE994C-DD83-4221-8AE6-32F741593504}"/>
              </a:ext>
            </a:extLst>
          </p:cNvPr>
          <p:cNvSpPr/>
          <p:nvPr userDrawn="1"/>
        </p:nvSpPr>
        <p:spPr>
          <a:xfrm>
            <a:off x="2303463" y="6581640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26586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270F7CC-6F44-4B1E-9CD8-24DA9F690952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8DB60A37-93CA-4063-B6A3-4CE24A875A99}"/>
              </a:ext>
            </a:extLst>
          </p:cNvPr>
          <p:cNvSpPr>
            <a:spLocks/>
          </p:cNvSpPr>
          <p:nvPr userDrawn="1"/>
        </p:nvSpPr>
        <p:spPr bwMode="auto">
          <a:xfrm>
            <a:off x="4475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Freeform: Shape 13">
            <a:extLst>
              <a:ext uri="{FF2B5EF4-FFF2-40B4-BE49-F238E27FC236}">
                <a16:creationId xmlns:a16="http://schemas.microsoft.com/office/drawing/2014/main" id="{3536CCC0-FCBE-9745-A59D-C4AF45B5022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235c2134-719c-4ca7-91ea-c4623d069c35&quot;}}" title="Form.Cigna_Confidentiality.EvernorthConfidentiality">
            <a:extLst>
              <a:ext uri="{FF2B5EF4-FFF2-40B4-BE49-F238E27FC236}">
                <a16:creationId xmlns:a16="http://schemas.microsoft.com/office/drawing/2014/main" id="{2AB6C64D-3766-457C-953B-443416D8A0E4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2e54a093-e819-42ea-bc33-4154b0cd7054&quot;}}" title="Form.Cigna_Confidentiality.Cigna_confidentiality">
            <a:extLst>
              <a:ext uri="{FF2B5EF4-FFF2-40B4-BE49-F238E27FC236}">
                <a16:creationId xmlns:a16="http://schemas.microsoft.com/office/drawing/2014/main" id="{A5D8DB24-F7D7-4234-80CA-B6417442A45F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9C2A2F5-A266-42EA-AAAE-A14820526928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8DB60A37-93CA-4063-B6A3-4CE24A875A99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Freeform: Shape 13">
            <a:extLst>
              <a:ext uri="{FF2B5EF4-FFF2-40B4-BE49-F238E27FC236}">
                <a16:creationId xmlns:a16="http://schemas.microsoft.com/office/drawing/2014/main" id="{3536CCC0-FCBE-9745-A59D-C4AF45B5022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5dbaec42-b1c1-4407-8b0c-dacf25f09d94&quot;}}" title="Form.Cigna_Confidentiality.EvernorthConfidentiality">
            <a:extLst>
              <a:ext uri="{FF2B5EF4-FFF2-40B4-BE49-F238E27FC236}">
                <a16:creationId xmlns:a16="http://schemas.microsoft.com/office/drawing/2014/main" id="{5EDBBA72-6371-4DAF-B4B7-9533A418EB98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0447e1f6-357f-4723-a50c-574d54d7ab4a&quot;}}" title="Form.Cigna_Confidentiality.Cigna_confidentiality">
            <a:extLst>
              <a:ext uri="{FF2B5EF4-FFF2-40B4-BE49-F238E27FC236}">
                <a16:creationId xmlns:a16="http://schemas.microsoft.com/office/drawing/2014/main" id="{2E41E432-EE37-48C1-B961-7468D0DFFC89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743858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B3D3D956-63D9-4C8D-8186-AF44CD20FF07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3" name="Freeform: Shape 13">
            <a:extLst>
              <a:ext uri="{FF2B5EF4-FFF2-40B4-BE49-F238E27FC236}">
                <a16:creationId xmlns:a16="http://schemas.microsoft.com/office/drawing/2014/main" id="{5BF43B5A-B549-EB40-B266-D759277FB1E4}"/>
              </a:ext>
            </a:extLst>
          </p:cNvPr>
          <p:cNvSpPr>
            <a:spLocks/>
          </p:cNvSpPr>
          <p:nvPr userDrawn="1"/>
        </p:nvSpPr>
        <p:spPr bwMode="auto">
          <a:xfrm>
            <a:off x="4168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5" name="Freeform: Shape 13">
            <a:extLst>
              <a:ext uri="{FF2B5EF4-FFF2-40B4-BE49-F238E27FC236}">
                <a16:creationId xmlns:a16="http://schemas.microsoft.com/office/drawing/2014/main" id="{19EA0AE3-789B-9B41-B48D-281FECECB7B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c328b3a5-7a82-48ba-b4ca-a950acbc7a4f&quot;}}" title="Form.Cigna_Confidentiality.EvernorthConfidentiality">
            <a:extLst>
              <a:ext uri="{FF2B5EF4-FFF2-40B4-BE49-F238E27FC236}">
                <a16:creationId xmlns:a16="http://schemas.microsoft.com/office/drawing/2014/main" id="{6A8E02FE-B36B-4D3C-9810-194114003EF1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7" name="text" descr="{&quot;templafy&quot;:{&quot;id&quot;:&quot;aae1d233-12d0-458e-8f5b-0b0c0ee073ea&quot;}}" title="Form.Cigna_Confidentiality.Cigna_confidentiality">
            <a:extLst>
              <a:ext uri="{FF2B5EF4-FFF2-40B4-BE49-F238E27FC236}">
                <a16:creationId xmlns:a16="http://schemas.microsoft.com/office/drawing/2014/main" id="{39EAAD98-79EC-41B3-A59D-D287C756CF91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01067230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330325" y="2015832"/>
            <a:ext cx="7586663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B5B8E23-BCCD-48F4-89AE-573991EF26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327513" y="3940605"/>
            <a:ext cx="7586664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DB56BFD0-295D-4062-9406-6B534F0F041D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4276A23-64EF-44C3-8D3D-78DC45D6B35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CF35C74C-E626-458B-8DFD-976AC756073E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36517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3" name="text" descr="{&quot;templafy&quot;:{&quot;id&quot;:&quot;88aec523-185c-4e5d-a823-4f131765dae9&quot;}}" title="Form.Cigna_Confidentiality.EvernorthConfidentiality">
            <a:extLst>
              <a:ext uri="{FF2B5EF4-FFF2-40B4-BE49-F238E27FC236}">
                <a16:creationId xmlns:a16="http://schemas.microsoft.com/office/drawing/2014/main" id="{17C04FF4-86F2-421B-B968-825CA17DD88B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7" name="text" descr="{&quot;templafy&quot;:{&quot;id&quot;:&quot;5467599f-b744-4321-8b46-531200d33e90&quot;}}" title="Form.Cigna_Confidentiality.Cigna_confidentiality">
            <a:extLst>
              <a:ext uri="{FF2B5EF4-FFF2-40B4-BE49-F238E27FC236}">
                <a16:creationId xmlns:a16="http://schemas.microsoft.com/office/drawing/2014/main" id="{BD2F269E-4784-44B3-AD4F-A48E3571859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3458146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4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7.xml"/><Relationship Id="rId47" Type="http://schemas.openxmlformats.org/officeDocument/2006/relationships/tags" Target="../tags/tag12.xml"/><Relationship Id="rId50" Type="http://schemas.openxmlformats.org/officeDocument/2006/relationships/tags" Target="../tags/tag15.xml"/><Relationship Id="rId55" Type="http://schemas.openxmlformats.org/officeDocument/2006/relationships/tags" Target="../tags/tag20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2.xml"/><Relationship Id="rId40" Type="http://schemas.openxmlformats.org/officeDocument/2006/relationships/tags" Target="../tags/tag5.xml"/><Relationship Id="rId45" Type="http://schemas.openxmlformats.org/officeDocument/2006/relationships/tags" Target="../tags/tag10.xml"/><Relationship Id="rId53" Type="http://schemas.openxmlformats.org/officeDocument/2006/relationships/tags" Target="../tags/tag18.xml"/><Relationship Id="rId58" Type="http://schemas.openxmlformats.org/officeDocument/2006/relationships/tags" Target="../tags/tag23.xml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Relationship Id="rId43" Type="http://schemas.openxmlformats.org/officeDocument/2006/relationships/tags" Target="../tags/tag8.xml"/><Relationship Id="rId48" Type="http://schemas.openxmlformats.org/officeDocument/2006/relationships/tags" Target="../tags/tag13.xml"/><Relationship Id="rId56" Type="http://schemas.openxmlformats.org/officeDocument/2006/relationships/tags" Target="../tags/tag21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6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3.xml"/><Relationship Id="rId46" Type="http://schemas.openxmlformats.org/officeDocument/2006/relationships/tags" Target="../tags/tag11.xml"/><Relationship Id="rId59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6.xml"/><Relationship Id="rId54" Type="http://schemas.openxmlformats.org/officeDocument/2006/relationships/tags" Target="../tags/tag1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1.xml"/><Relationship Id="rId49" Type="http://schemas.openxmlformats.org/officeDocument/2006/relationships/tags" Target="../tags/tag14.xml"/><Relationship Id="rId57" Type="http://schemas.openxmlformats.org/officeDocument/2006/relationships/tags" Target="../tags/tag22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9.xml"/><Relationship Id="rId52" Type="http://schemas.openxmlformats.org/officeDocument/2006/relationships/tags" Target="../tags/tag17.xml"/><Relationship Id="rId60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57188" y="1608138"/>
            <a:ext cx="11472411" cy="436403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  <a:endParaRPr lang="en-US" dirty="0"/>
          </a:p>
          <a:p>
            <a:pPr lvl="1"/>
            <a:r>
              <a:rPr lang="en-US" noProof="0" dirty="0"/>
              <a:t>Level 2</a:t>
            </a:r>
            <a:endParaRPr lang="en-US" dirty="0"/>
          </a:p>
          <a:p>
            <a:pPr lvl="2"/>
            <a:r>
              <a:rPr lang="en-US" noProof="0" dirty="0"/>
              <a:t>Level 3</a:t>
            </a:r>
            <a:endParaRPr lang="en-US" dirty="0"/>
          </a:p>
          <a:p>
            <a:pPr lvl="3"/>
            <a:r>
              <a:rPr lang="en-US" noProof="0" dirty="0"/>
              <a:t>Level 4, Header</a:t>
            </a:r>
            <a:endParaRPr lang="en-US" dirty="0"/>
          </a:p>
          <a:p>
            <a:pPr lvl="4"/>
            <a:r>
              <a:rPr lang="en-US" noProof="0" dirty="0"/>
              <a:t>Level 5, Body</a:t>
            </a:r>
            <a:endParaRPr lang="en-US" dirty="0"/>
          </a:p>
          <a:p>
            <a:pPr lvl="5"/>
            <a:r>
              <a:rPr lang="en-US" noProof="0" dirty="0"/>
              <a:t>Level 6</a:t>
            </a:r>
            <a:endParaRPr lang="en-US" dirty="0"/>
          </a:p>
          <a:p>
            <a:pPr lvl="6"/>
            <a:r>
              <a:rPr lang="en-US" noProof="0" dirty="0"/>
              <a:t>Level 7, Small Header</a:t>
            </a:r>
            <a:endParaRPr lang="en-US" dirty="0"/>
          </a:p>
          <a:p>
            <a:pPr lvl="7"/>
            <a:r>
              <a:rPr lang="en-US" noProof="0" dirty="0"/>
              <a:t>Level 8, Small Body</a:t>
            </a:r>
            <a:endParaRPr lang="en-US" dirty="0"/>
          </a:p>
          <a:p>
            <a:pPr lvl="8"/>
            <a:r>
              <a:rPr lang="en-US" noProof="0" dirty="0"/>
              <a:t>Level 9, Infographic</a:t>
            </a:r>
            <a:endParaRPr lang="en-US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7189" y="360362"/>
            <a:ext cx="7589836" cy="10683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888538" y="6344191"/>
            <a:ext cx="149887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cap="all" spc="80" baseline="0">
                <a:solidFill>
                  <a:schemeClr val="tx1"/>
                </a:solidFill>
                <a:latin typeface="Consolas" panose="020B0609020204030204" pitchFamily="49" charset="0"/>
              </a:defRPr>
            </a:lvl1pPr>
          </a:lstStyle>
          <a:p>
            <a:pPr algn="r"/>
            <a:fld id="{D9490F39-9670-48C6-B7AF-75704D3194A0}" type="datetime1">
              <a:rPr lang="en-US" smtClean="0"/>
              <a:pPr algn="r"/>
              <a:t>1/3/2023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566800" y="6344191"/>
            <a:ext cx="2664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 spc="80" baseline="0">
                <a:solidFill>
                  <a:schemeClr val="tx1"/>
                </a:solidFill>
                <a:latin typeface="Consolas" panose="020B0609020204030204" pitchFamily="49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" descr="{&quot;templafy&quot;:{&quot;id&quot;:&quot;f0c64a55-9e5f-4f36-993e-4f6e3c7c1da7&quot;}}" title="Form.Cigna_Confidentiality.EvernorthConfidentiality">
            <a:extLst>
              <a:ext uri="{FF2B5EF4-FFF2-40B4-BE49-F238E27FC236}">
                <a16:creationId xmlns:a16="http://schemas.microsoft.com/office/drawing/2014/main" id="{0218BFDC-C593-4060-86CB-6BA121C02B84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6" name="C" hidden="1">
            <a:extLst>
              <a:ext uri="{FF2B5EF4-FFF2-40B4-BE49-F238E27FC236}">
                <a16:creationId xmlns:a16="http://schemas.microsoft.com/office/drawing/2014/main" id="{1C4B9106-8C42-4FD6-BE41-D1A11D08B0DE}"/>
              </a:ext>
            </a:extLst>
          </p:cNvPr>
          <p:cNvSpPr/>
          <p:nvPr userDrawn="1">
            <p:custDataLst>
              <p:tags r:id="rId36"/>
            </p:custDataLst>
          </p:nvPr>
        </p:nvSpPr>
        <p:spPr>
          <a:xfrm>
            <a:off x="360000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2" name="1-" hidden="1">
            <a:extLst>
              <a:ext uri="{FF2B5EF4-FFF2-40B4-BE49-F238E27FC236}">
                <a16:creationId xmlns:a16="http://schemas.microsoft.com/office/drawing/2014/main" id="{881042B9-FC01-4F98-ACD8-49BC2F3E922C}"/>
              </a:ext>
            </a:extLst>
          </p:cNvPr>
          <p:cNvSpPr/>
          <p:nvPr userDrawn="1">
            <p:custDataLst>
              <p:tags r:id="rId37"/>
            </p:custDataLst>
          </p:nvPr>
        </p:nvSpPr>
        <p:spPr>
          <a:xfrm>
            <a:off x="1151000" y="360000"/>
            <a:ext cx="180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4" name="C" hidden="1">
            <a:extLst>
              <a:ext uri="{FF2B5EF4-FFF2-40B4-BE49-F238E27FC236}">
                <a16:creationId xmlns:a16="http://schemas.microsoft.com/office/drawing/2014/main" id="{59C7C277-9424-433C-8660-29713F1B7FB3}"/>
              </a:ext>
            </a:extLst>
          </p:cNvPr>
          <p:cNvSpPr/>
          <p:nvPr userDrawn="1">
            <p:custDataLst>
              <p:tags r:id="rId38"/>
            </p:custDataLst>
          </p:nvPr>
        </p:nvSpPr>
        <p:spPr>
          <a:xfrm>
            <a:off x="1103758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6" name="1" hidden="1">
            <a:extLst>
              <a:ext uri="{FF2B5EF4-FFF2-40B4-BE49-F238E27FC236}">
                <a16:creationId xmlns:a16="http://schemas.microsoft.com/office/drawing/2014/main" id="{AD6D570A-8EAB-4316-A81F-BA83274CE3DF}"/>
              </a:ext>
            </a:extLst>
          </p:cNvPr>
          <p:cNvSpPr/>
          <p:nvPr userDrawn="1">
            <p:custDataLst>
              <p:tags r:id="rId39"/>
            </p:custDataLst>
          </p:nvPr>
        </p:nvSpPr>
        <p:spPr>
          <a:xfrm>
            <a:off x="2123710" y="359997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8" name="C" hidden="1">
            <a:extLst>
              <a:ext uri="{FF2B5EF4-FFF2-40B4-BE49-F238E27FC236}">
                <a16:creationId xmlns:a16="http://schemas.microsoft.com/office/drawing/2014/main" id="{AF9B7D13-D0E0-4CE3-8CA5-02630940ED38}"/>
              </a:ext>
            </a:extLst>
          </p:cNvPr>
          <p:cNvSpPr/>
          <p:nvPr userDrawn="1">
            <p:custDataLst>
              <p:tags r:id="rId40"/>
            </p:custDataLst>
          </p:nvPr>
        </p:nvSpPr>
        <p:spPr>
          <a:xfrm>
            <a:off x="10068154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0" name="1" hidden="1">
            <a:extLst>
              <a:ext uri="{FF2B5EF4-FFF2-40B4-BE49-F238E27FC236}">
                <a16:creationId xmlns:a16="http://schemas.microsoft.com/office/drawing/2014/main" id="{033FDCAC-185D-4077-BE01-7E2E533BA124}"/>
              </a:ext>
            </a:extLst>
          </p:cNvPr>
          <p:cNvSpPr/>
          <p:nvPr userDrawn="1">
            <p:custDataLst>
              <p:tags r:id="rId41"/>
            </p:custDataLst>
          </p:nvPr>
        </p:nvSpPr>
        <p:spPr>
          <a:xfrm>
            <a:off x="3093000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2" name="C" hidden="1">
            <a:extLst>
              <a:ext uri="{FF2B5EF4-FFF2-40B4-BE49-F238E27FC236}">
                <a16:creationId xmlns:a16="http://schemas.microsoft.com/office/drawing/2014/main" id="{59D95ABC-476B-43DD-B11D-841FD1CCCE12}"/>
              </a:ext>
            </a:extLst>
          </p:cNvPr>
          <p:cNvSpPr/>
          <p:nvPr userDrawn="1">
            <p:custDataLst>
              <p:tags r:id="rId42"/>
            </p:custDataLst>
          </p:nvPr>
        </p:nvSpPr>
        <p:spPr>
          <a:xfrm>
            <a:off x="909820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4" name="1" hidden="1">
            <a:extLst>
              <a:ext uri="{FF2B5EF4-FFF2-40B4-BE49-F238E27FC236}">
                <a16:creationId xmlns:a16="http://schemas.microsoft.com/office/drawing/2014/main" id="{5786BE75-81AB-4139-B2E5-FC8F4EB28B66}"/>
              </a:ext>
            </a:extLst>
          </p:cNvPr>
          <p:cNvSpPr/>
          <p:nvPr userDrawn="1">
            <p:custDataLst>
              <p:tags r:id="rId43"/>
            </p:custDataLst>
          </p:nvPr>
        </p:nvSpPr>
        <p:spPr>
          <a:xfrm>
            <a:off x="4064045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6" name="C" hidden="1">
            <a:extLst>
              <a:ext uri="{FF2B5EF4-FFF2-40B4-BE49-F238E27FC236}">
                <a16:creationId xmlns:a16="http://schemas.microsoft.com/office/drawing/2014/main" id="{129A9A3B-B084-4187-8ACA-4F0D6C08FE4E}"/>
              </a:ext>
            </a:extLst>
          </p:cNvPr>
          <p:cNvSpPr/>
          <p:nvPr userDrawn="1">
            <p:custDataLst>
              <p:tags r:id="rId44"/>
            </p:custDataLst>
          </p:nvPr>
        </p:nvSpPr>
        <p:spPr>
          <a:xfrm>
            <a:off x="8128823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8" name="1" hidden="1">
            <a:extLst>
              <a:ext uri="{FF2B5EF4-FFF2-40B4-BE49-F238E27FC236}">
                <a16:creationId xmlns:a16="http://schemas.microsoft.com/office/drawing/2014/main" id="{DEC24EF5-2922-409A-98A1-4BE1189C8532}"/>
              </a:ext>
            </a:extLst>
          </p:cNvPr>
          <p:cNvSpPr/>
          <p:nvPr userDrawn="1">
            <p:custDataLst>
              <p:tags r:id="rId45"/>
            </p:custDataLst>
          </p:nvPr>
        </p:nvSpPr>
        <p:spPr>
          <a:xfrm>
            <a:off x="5035045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0" name="C" hidden="1">
            <a:extLst>
              <a:ext uri="{FF2B5EF4-FFF2-40B4-BE49-F238E27FC236}">
                <a16:creationId xmlns:a16="http://schemas.microsoft.com/office/drawing/2014/main" id="{9E90051A-07FE-4055-B29A-3240854D0EDD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7157321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2" name="1" hidden="1">
            <a:extLst>
              <a:ext uri="{FF2B5EF4-FFF2-40B4-BE49-F238E27FC236}">
                <a16:creationId xmlns:a16="http://schemas.microsoft.com/office/drawing/2014/main" id="{A3700F78-6579-4287-82B2-6DFA45008FBC}"/>
              </a:ext>
            </a:extLst>
          </p:cNvPr>
          <p:cNvSpPr/>
          <p:nvPr userDrawn="1">
            <p:custDataLst>
              <p:tags r:id="rId47"/>
            </p:custDataLst>
          </p:nvPr>
        </p:nvSpPr>
        <p:spPr>
          <a:xfrm>
            <a:off x="6007384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4" name="C" hidden="1">
            <a:extLst>
              <a:ext uri="{FF2B5EF4-FFF2-40B4-BE49-F238E27FC236}">
                <a16:creationId xmlns:a16="http://schemas.microsoft.com/office/drawing/2014/main" id="{1DA00B94-1AAF-46A9-9411-BB34A0426C6A}"/>
              </a:ext>
            </a:extLst>
          </p:cNvPr>
          <p:cNvSpPr/>
          <p:nvPr userDrawn="1">
            <p:custDataLst>
              <p:tags r:id="rId48"/>
            </p:custDataLst>
          </p:nvPr>
        </p:nvSpPr>
        <p:spPr>
          <a:xfrm>
            <a:off x="618604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6" name="1" hidden="1">
            <a:extLst>
              <a:ext uri="{FF2B5EF4-FFF2-40B4-BE49-F238E27FC236}">
                <a16:creationId xmlns:a16="http://schemas.microsoft.com/office/drawing/2014/main" id="{ECDF4EC4-C654-4CC0-A697-7C7F76265642}"/>
              </a:ext>
            </a:extLst>
          </p:cNvPr>
          <p:cNvSpPr/>
          <p:nvPr userDrawn="1">
            <p:custDataLst>
              <p:tags r:id="rId49"/>
            </p:custDataLst>
          </p:nvPr>
        </p:nvSpPr>
        <p:spPr>
          <a:xfrm>
            <a:off x="6975706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8" name="C" hidden="1">
            <a:extLst>
              <a:ext uri="{FF2B5EF4-FFF2-40B4-BE49-F238E27FC236}">
                <a16:creationId xmlns:a16="http://schemas.microsoft.com/office/drawing/2014/main" id="{6A79D1EE-D920-468B-9064-1E73DB948D90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521628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0" name="1" hidden="1">
            <a:extLst>
              <a:ext uri="{FF2B5EF4-FFF2-40B4-BE49-F238E27FC236}">
                <a16:creationId xmlns:a16="http://schemas.microsoft.com/office/drawing/2014/main" id="{B375DE0F-1FC3-4AAD-B356-C9A3A482C506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7948823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2" name="C" hidden="1">
            <a:extLst>
              <a:ext uri="{FF2B5EF4-FFF2-40B4-BE49-F238E27FC236}">
                <a16:creationId xmlns:a16="http://schemas.microsoft.com/office/drawing/2014/main" id="{82A4A22E-F58E-400A-BF42-0B345083C2DA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424426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4" name="1" hidden="1">
            <a:extLst>
              <a:ext uri="{FF2B5EF4-FFF2-40B4-BE49-F238E27FC236}">
                <a16:creationId xmlns:a16="http://schemas.microsoft.com/office/drawing/2014/main" id="{18F2331C-BB65-4FCB-BB33-C3286B6868D4}"/>
              </a:ext>
            </a:extLst>
          </p:cNvPr>
          <p:cNvSpPr/>
          <p:nvPr userDrawn="1">
            <p:custDataLst>
              <p:tags r:id="rId53"/>
            </p:custDataLst>
          </p:nvPr>
        </p:nvSpPr>
        <p:spPr>
          <a:xfrm>
            <a:off x="8918208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6" name="C" hidden="1">
            <a:extLst>
              <a:ext uri="{FF2B5EF4-FFF2-40B4-BE49-F238E27FC236}">
                <a16:creationId xmlns:a16="http://schemas.microsoft.com/office/drawing/2014/main" id="{0B31BD39-E957-4B61-99A5-4BA424B9346E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3273411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8" name="1" hidden="1">
            <a:extLst>
              <a:ext uri="{FF2B5EF4-FFF2-40B4-BE49-F238E27FC236}">
                <a16:creationId xmlns:a16="http://schemas.microsoft.com/office/drawing/2014/main" id="{51C7EEDE-B06B-4A00-9549-E9285576C892}"/>
              </a:ext>
            </a:extLst>
          </p:cNvPr>
          <p:cNvSpPr/>
          <p:nvPr userDrawn="1">
            <p:custDataLst>
              <p:tags r:id="rId55"/>
            </p:custDataLst>
          </p:nvPr>
        </p:nvSpPr>
        <p:spPr>
          <a:xfrm>
            <a:off x="10859298" y="359998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0" name="C" hidden="1">
            <a:extLst>
              <a:ext uri="{FF2B5EF4-FFF2-40B4-BE49-F238E27FC236}">
                <a16:creationId xmlns:a16="http://schemas.microsoft.com/office/drawing/2014/main" id="{346FE888-2B04-40EA-9D03-3CBF808A53C4}"/>
              </a:ext>
            </a:extLst>
          </p:cNvPr>
          <p:cNvSpPr/>
          <p:nvPr userDrawn="1">
            <p:custDataLst>
              <p:tags r:id="rId56"/>
            </p:custDataLst>
          </p:nvPr>
        </p:nvSpPr>
        <p:spPr>
          <a:xfrm>
            <a:off x="230197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2" name="1" hidden="1">
            <a:extLst>
              <a:ext uri="{FF2B5EF4-FFF2-40B4-BE49-F238E27FC236}">
                <a16:creationId xmlns:a16="http://schemas.microsoft.com/office/drawing/2014/main" id="{8ED580F1-63D4-4934-8F07-895D75D68EFC}"/>
              </a:ext>
            </a:extLst>
          </p:cNvPr>
          <p:cNvSpPr/>
          <p:nvPr userDrawn="1">
            <p:custDataLst>
              <p:tags r:id="rId57"/>
            </p:custDataLst>
          </p:nvPr>
        </p:nvSpPr>
        <p:spPr>
          <a:xfrm>
            <a:off x="9889710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4" name="C" hidden="1">
            <a:extLst>
              <a:ext uri="{FF2B5EF4-FFF2-40B4-BE49-F238E27FC236}">
                <a16:creationId xmlns:a16="http://schemas.microsoft.com/office/drawing/2014/main" id="{64E6E6C5-4F17-4E72-A63A-4DC01755A9FF}"/>
              </a:ext>
            </a:extLst>
          </p:cNvPr>
          <p:cNvSpPr/>
          <p:nvPr userDrawn="1">
            <p:custDataLst>
              <p:tags r:id="rId58"/>
            </p:custDataLst>
          </p:nvPr>
        </p:nvSpPr>
        <p:spPr>
          <a:xfrm>
            <a:off x="1331000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607DBA84-7BEB-4F76-968F-371B7546850B}"/>
              </a:ext>
            </a:extLst>
          </p:cNvPr>
          <p:cNvPicPr>
            <a:picLocks noChangeAspect="1"/>
          </p:cNvPicPr>
          <p:nvPr userDrawn="1"/>
        </p:nvPicPr>
        <p:blipFill>
          <a:blip r:embed="rId59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0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8" name="text" descr="{&quot;templafy&quot;:{&quot;id&quot;:&quot;7f8b88c7-7057-48b0-b2cb-aff3b038618f&quot;}}" title="Form.Cigna_Confidentiality.Cigna_confidentiality">
            <a:extLst>
              <a:ext uri="{FF2B5EF4-FFF2-40B4-BE49-F238E27FC236}">
                <a16:creationId xmlns:a16="http://schemas.microsoft.com/office/drawing/2014/main" id="{707EE37D-5AC8-496F-918C-A354CCA61E7B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63" r:id="rId2"/>
    <p:sldLayoutId id="2147483778" r:id="rId3"/>
    <p:sldLayoutId id="2147483764" r:id="rId4"/>
    <p:sldLayoutId id="2147483793" r:id="rId5"/>
    <p:sldLayoutId id="2147483731" r:id="rId6"/>
    <p:sldLayoutId id="2147483788" r:id="rId7"/>
    <p:sldLayoutId id="2147483783" r:id="rId8"/>
    <p:sldLayoutId id="2147483789" r:id="rId9"/>
    <p:sldLayoutId id="2147483779" r:id="rId10"/>
    <p:sldLayoutId id="2147483737" r:id="rId11"/>
    <p:sldLayoutId id="2147483765" r:id="rId12"/>
    <p:sldLayoutId id="2147483732" r:id="rId13"/>
    <p:sldLayoutId id="2147483790" r:id="rId14"/>
    <p:sldLayoutId id="2147483755" r:id="rId15"/>
    <p:sldLayoutId id="2147483766" r:id="rId16"/>
    <p:sldLayoutId id="2147483757" r:id="rId17"/>
    <p:sldLayoutId id="2147483767" r:id="rId18"/>
    <p:sldLayoutId id="2147483791" r:id="rId19"/>
    <p:sldLayoutId id="2147483768" r:id="rId20"/>
    <p:sldLayoutId id="2147483785" r:id="rId21"/>
    <p:sldLayoutId id="2147483786" r:id="rId22"/>
    <p:sldLayoutId id="2147483787" r:id="rId23"/>
    <p:sldLayoutId id="2147483769" r:id="rId24"/>
    <p:sldLayoutId id="2147483780" r:id="rId25"/>
    <p:sldLayoutId id="2147483773" r:id="rId26"/>
    <p:sldLayoutId id="2147483739" r:id="rId27"/>
    <p:sldLayoutId id="2147483770" r:id="rId28"/>
    <p:sldLayoutId id="2147483743" r:id="rId29"/>
    <p:sldLayoutId id="2147483792" r:id="rId30"/>
    <p:sldLayoutId id="2147483777" r:id="rId31"/>
    <p:sldLayoutId id="2147483744" r:id="rId32"/>
    <p:sldLayoutId id="2147483784" r:id="rId33"/>
    <p:sldLayoutId id="2147483751" r:id="rId34"/>
  </p:sldLayoutIdLst>
  <p:hf hdr="0" ft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Segoe UI" panose="020B0502040204020203" pitchFamily="34" charset="0"/>
        <a:buChar char="+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SzPct val="80000"/>
        <a:buFont typeface="Segoe UI" panose="020B0502040204020203"/>
        <a:buChar char="+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SzPct val="80000"/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1200"/>
        </a:spcAft>
        <a:buFont typeface="Arial" panose="020B06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1200"/>
        </a:spcAft>
        <a:buFont typeface="Arial" panose="020B06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Segoe UI" panose="020B0502040204020203" pitchFamily="34" charset="0"/>
        <a:buChar char="+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6000"/>
        </a:lnSpc>
        <a:spcBef>
          <a:spcPts val="300"/>
        </a:spcBef>
        <a:spcAft>
          <a:spcPts val="0"/>
        </a:spcAft>
        <a:buFont typeface="Arial" panose="020B0604020202020204" pitchFamily="34" charset="0"/>
        <a:buChar char="​"/>
        <a:defRPr sz="6000" b="1" kern="1200" spc="-150" baseline="0">
          <a:solidFill>
            <a:schemeClr val="tx1"/>
          </a:solidFill>
          <a:latin typeface="Arial Black" panose="020B0A04020102020204" pitchFamily="34" charset="0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 userDrawn="1">
          <p15:clr>
            <a:srgbClr val="F26B43"/>
          </p15:clr>
        </p15:guide>
        <p15:guide id="2" pos="725" userDrawn="1">
          <p15:clr>
            <a:srgbClr val="F26B43"/>
          </p15:clr>
        </p15:guide>
        <p15:guide id="3" orient="horz" pos="226" userDrawn="1">
          <p15:clr>
            <a:srgbClr val="F26B43"/>
          </p15:clr>
        </p15:guide>
        <p15:guide id="4" orient="horz" pos="4093" userDrawn="1">
          <p15:clr>
            <a:srgbClr val="F26B43"/>
          </p15:clr>
        </p15:guide>
        <p15:guide id="6" pos="4394" userDrawn="1">
          <p15:clr>
            <a:srgbClr val="F26B43"/>
          </p15:clr>
        </p15:guide>
        <p15:guide id="7" pos="838" userDrawn="1">
          <p15:clr>
            <a:srgbClr val="F26B43"/>
          </p15:clr>
        </p15:guide>
        <p15:guide id="9" pos="2673" userDrawn="1">
          <p15:clr>
            <a:srgbClr val="F26B43"/>
          </p15:clr>
        </p15:guide>
        <p15:guide id="10" pos="3171" userDrawn="1">
          <p15:clr>
            <a:srgbClr val="F26B43"/>
          </p15:clr>
        </p15:guide>
        <p15:guide id="11" pos="6229" userDrawn="1">
          <p15:clr>
            <a:srgbClr val="F26B43"/>
          </p15:clr>
        </p15:guide>
        <p15:guide id="13" pos="6840" userDrawn="1">
          <p15:clr>
            <a:srgbClr val="F26B43"/>
          </p15:clr>
        </p15:guide>
        <p15:guide id="16" pos="5120" userDrawn="1">
          <p15:clr>
            <a:srgbClr val="F26B43"/>
          </p15:clr>
        </p15:guide>
        <p15:guide id="17" pos="3285" userDrawn="1">
          <p15:clr>
            <a:srgbClr val="F26B43"/>
          </p15:clr>
        </p15:guide>
        <p15:guide id="18" pos="3784" userDrawn="1">
          <p15:clr>
            <a:srgbClr val="F26B43"/>
          </p15:clr>
        </p15:guide>
        <p15:guide id="20" pos="1948" userDrawn="1">
          <p15:clr>
            <a:srgbClr val="F26B43"/>
          </p15:clr>
        </p15:guide>
        <p15:guide id="21" pos="6952" userDrawn="1">
          <p15:clr>
            <a:srgbClr val="F26B43"/>
          </p15:clr>
        </p15:guide>
        <p15:guide id="22" pos="7451" userDrawn="1">
          <p15:clr>
            <a:srgbClr val="F26B43"/>
          </p15:clr>
        </p15:guide>
        <p15:guide id="23" pos="2061" userDrawn="1">
          <p15:clr>
            <a:srgbClr val="F26B43"/>
          </p15:clr>
        </p15:guide>
        <p15:guide id="24" pos="2560" userDrawn="1">
          <p15:clr>
            <a:srgbClr val="F26B43"/>
          </p15:clr>
        </p15:guide>
        <p15:guide id="26" pos="6342" userDrawn="1">
          <p15:clr>
            <a:srgbClr val="F26B43"/>
          </p15:clr>
        </p15:guide>
        <p15:guide id="28" pos="5006" userDrawn="1">
          <p15:clr>
            <a:srgbClr val="F26B43"/>
          </p15:clr>
        </p15:guide>
        <p15:guide id="29" pos="4507" userDrawn="1">
          <p15:clr>
            <a:srgbClr val="F26B43"/>
          </p15:clr>
        </p15:guide>
        <p15:guide id="30" pos="3897" userDrawn="1">
          <p15:clr>
            <a:srgbClr val="F26B43"/>
          </p15:clr>
        </p15:guide>
        <p15:guide id="31" pos="5731" userDrawn="1">
          <p15:clr>
            <a:srgbClr val="F26B43"/>
          </p15:clr>
        </p15:guide>
        <p15:guide id="32" pos="5617" userDrawn="1">
          <p15:clr>
            <a:srgbClr val="F26B43"/>
          </p15:clr>
        </p15:guide>
        <p15:guide id="33" pos="1337" userDrawn="1">
          <p15:clr>
            <a:srgbClr val="F26B43"/>
          </p15:clr>
        </p15:guide>
        <p15:guide id="34" pos="1451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1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31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1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1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1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92EDD40-1362-4812-8AD5-B28F968FC7C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Personal </a:t>
            </a:r>
            <a:r>
              <a:rPr lang="en-US" dirty="0" err="1"/>
              <a:t>Bluework</a:t>
            </a:r>
            <a:r>
              <a:rPr lang="en-US" dirty="0"/>
              <a:t> Session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5EF6E195-98CC-49D6-A1B1-49B583F6C24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Retrospectives for the </a:t>
            </a:r>
            <a:r>
              <a:rPr lang="en-US" dirty="0" err="1"/>
              <a:t>Teamless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6BB68C9-EC09-449D-A3B8-F5A1F9E0FBC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05EEFFD9-A2F0-46DC-A7BD-71A765012766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71AF167-8D6F-448B-8102-6675C945C9E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56893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AD7056-F108-4469-8F61-ECA238F2EF7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71DB45-DECE-4FFE-847E-2A0C75AC23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8619113-474C-4503-9E48-0E7A5C91FF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gend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0E00E0-B04A-4F5A-BAC7-86FCAE69F119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357189" y="1608363"/>
            <a:ext cx="11115674" cy="4364037"/>
          </a:xfrm>
        </p:spPr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Purpose: Iterative Improvement</a:t>
            </a:r>
          </a:p>
          <a:p>
            <a:r>
              <a:rPr lang="en-US" sz="1800" dirty="0">
                <a:solidFill>
                  <a:schemeClr val="bg1"/>
                </a:solidFill>
              </a:rPr>
              <a:t>So…What’s “</a:t>
            </a:r>
            <a:r>
              <a:rPr lang="en-US" sz="1800" dirty="0" err="1">
                <a:solidFill>
                  <a:schemeClr val="bg1"/>
                </a:solidFill>
              </a:rPr>
              <a:t>Bluework</a:t>
            </a:r>
            <a:r>
              <a:rPr lang="en-US" sz="1800" dirty="0">
                <a:solidFill>
                  <a:schemeClr val="bg1"/>
                </a:solidFill>
              </a:rPr>
              <a:t>”?</a:t>
            </a:r>
          </a:p>
          <a:p>
            <a:r>
              <a:rPr lang="en-US" sz="1800" dirty="0">
                <a:solidFill>
                  <a:schemeClr val="bg1"/>
                </a:solidFill>
              </a:rPr>
              <a:t>How Phil thinks about Personal </a:t>
            </a:r>
            <a:r>
              <a:rPr lang="en-US" sz="1800" dirty="0" err="1">
                <a:solidFill>
                  <a:schemeClr val="bg1"/>
                </a:solidFill>
              </a:rPr>
              <a:t>Bluework</a:t>
            </a:r>
            <a:endParaRPr lang="en-US" sz="1800" dirty="0">
              <a:solidFill>
                <a:schemeClr val="bg1"/>
              </a:solidFill>
            </a:endParaRPr>
          </a:p>
          <a:p>
            <a:r>
              <a:rPr lang="en-US" sz="1800" dirty="0">
                <a:solidFill>
                  <a:schemeClr val="bg1"/>
                </a:solidFill>
              </a:rPr>
              <a:t>Exampl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058768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9" y="360362"/>
            <a:ext cx="7753878" cy="613305"/>
          </a:xfrm>
        </p:spPr>
        <p:txBody>
          <a:bodyPr/>
          <a:lstStyle/>
          <a:p>
            <a:r>
              <a:rPr lang="en-US" dirty="0"/>
              <a:t>Goal: Iterative Improvemen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897466"/>
            <a:ext cx="8515878" cy="4995334"/>
          </a:xfrm>
        </p:spPr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You’re never sitting still</a:t>
            </a:r>
          </a:p>
          <a:p>
            <a:r>
              <a:rPr lang="en-US" sz="1800" dirty="0">
                <a:solidFill>
                  <a:schemeClr val="bg1"/>
                </a:solidFill>
              </a:rPr>
              <a:t>Scrum teams have Retrospectives</a:t>
            </a:r>
          </a:p>
          <a:p>
            <a:r>
              <a:rPr lang="en-US" sz="1800" dirty="0">
                <a:solidFill>
                  <a:schemeClr val="bg1"/>
                </a:solidFill>
              </a:rPr>
              <a:t>Scrum teams are challenged to constantly improve…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How quickly they deliver value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Stability of their solutions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Trust on the team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Skills on the team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Relationships with stakeholders</a:t>
            </a:r>
          </a:p>
          <a:p>
            <a:r>
              <a:rPr lang="en-US" sz="1800" b="1" i="1" dirty="0">
                <a:solidFill>
                  <a:schemeClr val="bg1"/>
                </a:solidFill>
              </a:rPr>
              <a:t>Individuals who don’t get to work with a team need to work on the same things</a:t>
            </a:r>
            <a:endParaRPr lang="en-US" sz="18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6349847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9" y="360362"/>
            <a:ext cx="7753878" cy="613305"/>
          </a:xfrm>
        </p:spPr>
        <p:txBody>
          <a:bodyPr/>
          <a:lstStyle/>
          <a:p>
            <a:r>
              <a:rPr lang="en-US" dirty="0"/>
              <a:t>So…What’s “</a:t>
            </a:r>
            <a:r>
              <a:rPr lang="en-US" dirty="0" err="1"/>
              <a:t>Bluework</a:t>
            </a:r>
            <a:r>
              <a:rPr lang="en-US" dirty="0"/>
              <a:t>”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897466"/>
            <a:ext cx="8210162" cy="4995334"/>
          </a:xfrm>
        </p:spPr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Leadership is Language is the second book by Ret. Capt. David </a:t>
            </a:r>
            <a:r>
              <a:rPr lang="en-US" sz="1800" dirty="0" err="1">
                <a:solidFill>
                  <a:schemeClr val="bg1"/>
                </a:solidFill>
              </a:rPr>
              <a:t>Marquet</a:t>
            </a:r>
            <a:endParaRPr lang="en-US" sz="1800" dirty="0">
              <a:solidFill>
                <a:schemeClr val="bg1"/>
              </a:solidFill>
            </a:endParaRPr>
          </a:p>
          <a:p>
            <a:r>
              <a:rPr lang="en-US" sz="1800" dirty="0">
                <a:solidFill>
                  <a:schemeClr val="bg1"/>
                </a:solidFill>
              </a:rPr>
              <a:t>It documents the lessons he learned in his Navy career about the verbal patterns used by management</a:t>
            </a:r>
          </a:p>
          <a:p>
            <a:r>
              <a:rPr lang="en-US" sz="1800" dirty="0">
                <a:solidFill>
                  <a:schemeClr val="bg1"/>
                </a:solidFill>
              </a:rPr>
              <a:t>Across industries, management still relies on language and verbal patterns derived from the Industrial Revolution</a:t>
            </a:r>
          </a:p>
          <a:p>
            <a:r>
              <a:rPr lang="en-US" sz="1800" dirty="0">
                <a:solidFill>
                  <a:schemeClr val="bg1"/>
                </a:solidFill>
              </a:rPr>
              <a:t>Management did the thinking, “resources” did the doing</a:t>
            </a:r>
          </a:p>
          <a:p>
            <a:r>
              <a:rPr lang="en-US" sz="1800" b="1" i="1" dirty="0">
                <a:solidFill>
                  <a:schemeClr val="bg1"/>
                </a:solidFill>
              </a:rPr>
              <a:t>But that is not the world of knowledge work!</a:t>
            </a: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59AA06A2-35F2-EE94-255D-348899E82C7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0425" y="817866"/>
            <a:ext cx="3152775" cy="47529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5084374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9" y="360362"/>
            <a:ext cx="7753878" cy="613305"/>
          </a:xfrm>
        </p:spPr>
        <p:txBody>
          <a:bodyPr/>
          <a:lstStyle/>
          <a:p>
            <a:r>
              <a:rPr lang="en-US" dirty="0"/>
              <a:t>So…What’s “</a:t>
            </a:r>
            <a:r>
              <a:rPr lang="en-US" dirty="0" err="1"/>
              <a:t>Bluework</a:t>
            </a:r>
            <a:r>
              <a:rPr lang="en-US" dirty="0"/>
              <a:t>”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897466"/>
            <a:ext cx="8210162" cy="4995334"/>
          </a:xfrm>
        </p:spPr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Now, staff at all levels do thinking – planning, improving, etc.</a:t>
            </a:r>
          </a:p>
          <a:p>
            <a:r>
              <a:rPr lang="en-US" sz="1800" dirty="0" err="1">
                <a:solidFill>
                  <a:schemeClr val="bg1"/>
                </a:solidFill>
              </a:rPr>
              <a:t>Marquet</a:t>
            </a:r>
            <a:r>
              <a:rPr lang="en-US" sz="1800" dirty="0">
                <a:solidFill>
                  <a:schemeClr val="bg1"/>
                </a:solidFill>
              </a:rPr>
              <a:t> calls the “in the flow” doing of work </a:t>
            </a:r>
            <a:r>
              <a:rPr lang="en-US" sz="1800" b="1" dirty="0" err="1">
                <a:solidFill>
                  <a:schemeClr val="bg1"/>
                </a:solidFill>
              </a:rPr>
              <a:t>Redwork</a:t>
            </a:r>
            <a:r>
              <a:rPr lang="en-US" sz="1800" dirty="0">
                <a:solidFill>
                  <a:schemeClr val="bg1"/>
                </a:solidFill>
              </a:rPr>
              <a:t>.</a:t>
            </a:r>
          </a:p>
          <a:p>
            <a:r>
              <a:rPr lang="en-US" sz="1800" dirty="0">
                <a:solidFill>
                  <a:schemeClr val="bg1"/>
                </a:solidFill>
              </a:rPr>
              <a:t>And he calls the </a:t>
            </a:r>
            <a:r>
              <a:rPr lang="en-US" sz="1800" i="1" dirty="0">
                <a:solidFill>
                  <a:schemeClr val="bg1"/>
                </a:solidFill>
              </a:rPr>
              <a:t>thinking about </a:t>
            </a:r>
            <a:r>
              <a:rPr lang="en-US" sz="1800" dirty="0">
                <a:solidFill>
                  <a:schemeClr val="bg1"/>
                </a:solidFill>
              </a:rPr>
              <a:t>the work </a:t>
            </a:r>
            <a:r>
              <a:rPr lang="en-US" sz="1800" b="1" dirty="0" err="1">
                <a:solidFill>
                  <a:schemeClr val="bg1"/>
                </a:solidFill>
              </a:rPr>
              <a:t>Bluework</a:t>
            </a:r>
            <a:r>
              <a:rPr lang="en-US" sz="1800" dirty="0">
                <a:solidFill>
                  <a:schemeClr val="bg1"/>
                </a:solidFill>
              </a:rPr>
              <a:t>.  It involves: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Planning the </a:t>
            </a:r>
            <a:r>
              <a:rPr lang="en-US" sz="1800" dirty="0" err="1">
                <a:solidFill>
                  <a:schemeClr val="bg1"/>
                </a:solidFill>
              </a:rPr>
              <a:t>redwork</a:t>
            </a:r>
            <a:endParaRPr lang="en-US" sz="1800" dirty="0">
              <a:solidFill>
                <a:schemeClr val="bg1"/>
              </a:solidFill>
            </a:endParaRP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Reflecting on the </a:t>
            </a:r>
            <a:r>
              <a:rPr lang="en-US" sz="1800" dirty="0" err="1">
                <a:solidFill>
                  <a:schemeClr val="bg1"/>
                </a:solidFill>
              </a:rPr>
              <a:t>redwork</a:t>
            </a:r>
            <a:endParaRPr lang="en-US" sz="1800" dirty="0">
              <a:solidFill>
                <a:schemeClr val="bg1"/>
              </a:solidFill>
            </a:endParaRP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Choosing improvements for the </a:t>
            </a:r>
            <a:r>
              <a:rPr lang="en-US" sz="1800" dirty="0" err="1">
                <a:solidFill>
                  <a:schemeClr val="bg1"/>
                </a:solidFill>
              </a:rPr>
              <a:t>redwork</a:t>
            </a:r>
            <a:endParaRPr lang="en-US" sz="1800" dirty="0">
              <a:solidFill>
                <a:schemeClr val="bg1"/>
              </a:solidFill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59AA06A2-35F2-EE94-255D-348899E82C7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0425" y="817866"/>
            <a:ext cx="3152775" cy="47529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69272002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9" y="360362"/>
            <a:ext cx="7753878" cy="613305"/>
          </a:xfrm>
        </p:spPr>
        <p:txBody>
          <a:bodyPr/>
          <a:lstStyle/>
          <a:p>
            <a:r>
              <a:rPr lang="en-US" dirty="0"/>
              <a:t>How Phil Thinks about Personal </a:t>
            </a:r>
            <a:r>
              <a:rPr lang="en-US" dirty="0" err="1"/>
              <a:t>Bluework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897466"/>
            <a:ext cx="8515878" cy="4995334"/>
          </a:xfrm>
        </p:spPr>
        <p:txBody>
          <a:bodyPr/>
          <a:lstStyle/>
          <a:p>
            <a:r>
              <a:rPr lang="en-US" sz="1800" dirty="0">
                <a:solidFill>
                  <a:schemeClr val="bg1"/>
                </a:solidFill>
              </a:rPr>
              <a:t>Ask yourself questions about how you’re doing.</a:t>
            </a:r>
          </a:p>
          <a:p>
            <a:r>
              <a:rPr lang="en-US" sz="1800" dirty="0">
                <a:solidFill>
                  <a:schemeClr val="bg1"/>
                </a:solidFill>
              </a:rPr>
              <a:t>Your questions will be </a:t>
            </a:r>
            <a:r>
              <a:rPr lang="en-US" sz="1800" b="1" dirty="0">
                <a:solidFill>
                  <a:schemeClr val="bg1"/>
                </a:solidFill>
              </a:rPr>
              <a:t>only yours</a:t>
            </a:r>
          </a:p>
          <a:p>
            <a:r>
              <a:rPr lang="en-US" sz="1800" dirty="0">
                <a:solidFill>
                  <a:schemeClr val="bg1"/>
                </a:solidFill>
              </a:rPr>
              <a:t>Things to consider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Keep it </a:t>
            </a:r>
            <a:r>
              <a:rPr lang="en-US" sz="1800" dirty="0">
                <a:solidFill>
                  <a:srgbClr val="3EFFC0"/>
                </a:solidFill>
              </a:rPr>
              <a:t>positive</a:t>
            </a:r>
          </a:p>
          <a:p>
            <a:pPr lvl="1"/>
            <a:r>
              <a:rPr lang="en-US" sz="1800" dirty="0">
                <a:solidFill>
                  <a:schemeClr val="bg1"/>
                </a:solidFill>
              </a:rPr>
              <a:t>Reflect on what </a:t>
            </a:r>
            <a:r>
              <a:rPr lang="en-US" sz="1800" dirty="0">
                <a:solidFill>
                  <a:srgbClr val="3EFFC0"/>
                </a:solidFill>
              </a:rPr>
              <a:t>you</a:t>
            </a:r>
            <a:r>
              <a:rPr lang="en-US" sz="1800" i="1" dirty="0">
                <a:solidFill>
                  <a:schemeClr val="bg1"/>
                </a:solidFill>
              </a:rPr>
              <a:t> </a:t>
            </a:r>
            <a:r>
              <a:rPr lang="en-US" sz="1800" dirty="0">
                <a:solidFill>
                  <a:schemeClr val="bg1"/>
                </a:solidFill>
              </a:rPr>
              <a:t>did well</a:t>
            </a:r>
          </a:p>
          <a:p>
            <a:pPr lvl="1"/>
            <a:r>
              <a:rPr lang="en-US" sz="1800" dirty="0">
                <a:solidFill>
                  <a:srgbClr val="3EFFC0"/>
                </a:solidFill>
                <a:sym typeface="Wingdings" panose="05000000000000000000" pitchFamily="2" charset="2"/>
              </a:rPr>
              <a:t>Short list 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improvements to make</a:t>
            </a:r>
          </a:p>
          <a:p>
            <a:pPr lvl="1"/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Keep a </a:t>
            </a:r>
            <a:r>
              <a:rPr lang="en-US" sz="1800" dirty="0">
                <a:solidFill>
                  <a:srgbClr val="3EFFC0"/>
                </a:solidFill>
                <a:sym typeface="Wingdings" panose="05000000000000000000" pitchFamily="2" charset="2"/>
              </a:rPr>
              <a:t>regular</a:t>
            </a:r>
            <a:r>
              <a:rPr lang="en-US" sz="1800" dirty="0">
                <a:solidFill>
                  <a:schemeClr val="bg1"/>
                </a:solidFill>
                <a:sym typeface="Wingdings" panose="05000000000000000000" pitchFamily="2" charset="2"/>
              </a:rPr>
              <a:t> cadence</a:t>
            </a:r>
          </a:p>
        </p:txBody>
      </p:sp>
    </p:spTree>
    <p:extLst>
      <p:ext uri="{BB962C8B-B14F-4D97-AF65-F5344CB8AC3E}">
        <p14:creationId xmlns:p14="http://schemas.microsoft.com/office/powerpoint/2010/main" val="354459279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9" y="360362"/>
            <a:ext cx="7753878" cy="613305"/>
          </a:xfrm>
        </p:spPr>
        <p:txBody>
          <a:bodyPr/>
          <a:lstStyle/>
          <a:p>
            <a:r>
              <a:rPr lang="en-US" dirty="0"/>
              <a:t>Examp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897466"/>
            <a:ext cx="8515878" cy="4995334"/>
          </a:xfrm>
        </p:spPr>
        <p:txBody>
          <a:bodyPr/>
          <a:lstStyle/>
          <a:p>
            <a:endParaRPr lang="en-US" sz="18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3578656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1/3/2023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8" y="897466"/>
            <a:ext cx="11206799" cy="4995334"/>
          </a:xfrm>
        </p:spPr>
        <p:txBody>
          <a:bodyPr anchor="ctr"/>
          <a:lstStyle/>
          <a:p>
            <a:pPr marL="0" indent="0" algn="ctr">
              <a:buNone/>
            </a:pPr>
            <a:r>
              <a:rPr lang="en-US" sz="4000" dirty="0">
                <a:solidFill>
                  <a:schemeClr val="bg1"/>
                </a:solidFill>
              </a:rPr>
              <a:t>Questions?</a:t>
            </a:r>
          </a:p>
        </p:txBody>
      </p:sp>
    </p:spTree>
    <p:extLst>
      <p:ext uri="{BB962C8B-B14F-4D97-AF65-F5344CB8AC3E}">
        <p14:creationId xmlns:p14="http://schemas.microsoft.com/office/powerpoint/2010/main" val="424705997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Evernorth 16:9">
  <a:themeElements>
    <a:clrScheme name="Evernorth 2021">
      <a:dk1>
        <a:srgbClr val="000000"/>
      </a:dk1>
      <a:lt1>
        <a:srgbClr val="FFFFFF"/>
      </a:lt1>
      <a:dk2>
        <a:srgbClr val="2A2A2A"/>
      </a:dk2>
      <a:lt2>
        <a:srgbClr val="F7F7F7"/>
      </a:lt2>
      <a:accent1>
        <a:srgbClr val="3EFFC0"/>
      </a:accent1>
      <a:accent2>
        <a:srgbClr val="0033FF"/>
      </a:accent2>
      <a:accent3>
        <a:srgbClr val="33CCFF"/>
      </a:accent3>
      <a:accent4>
        <a:srgbClr val="CCFF66"/>
      </a:accent4>
      <a:accent5>
        <a:srgbClr val="66CC33"/>
      </a:accent5>
      <a:accent6>
        <a:srgbClr val="D5D5D5"/>
      </a:accent6>
      <a:hlink>
        <a:srgbClr val="0033FF"/>
      </a:hlink>
      <a:folHlink>
        <a:srgbClr val="0033FF"/>
      </a:folHlink>
    </a:clrScheme>
    <a:fontScheme name="Cigna 2020">
      <a:majorFont>
        <a:latin typeface="Arial"/>
        <a:ea typeface="MS Gothic"/>
        <a:cs typeface=""/>
      </a:majorFont>
      <a:minorFont>
        <a:latin typeface="Arial"/>
        <a:ea typeface="MS Gothic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Evernorth.potx" id="{CF99AB89-BA1D-443F-B964-59F6B3F98DD3}" vid="{9B147206-36C6-4C9B-A1BE-3863A2B43C27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0,"isValidatorEnabled":false,"isLocked":false,"elementsMetadata":[],"slideId":"637613426736953145","enableDocumentContentUpdater":true,"version":"1.12"}]]></TemplafySlideTemplateConfiguration>
</file>

<file path=customXml/item3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4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5.xml><?xml version="1.0" encoding="utf-8"?>
<TemplafyTemplateConfiguration><![CDATA[{"elementsMetadata":[{"type":"shape","id":"f0c64a55-9e5f-4f36-993e-4f6e3c7c1da7","elementConfiguration":{"binding":"Form.Cigna_Confidentiality.EvernorthConfidentiality","disableUpdates":false,"type":"text"}},{"type":"shape","id":"7f8b88c7-7057-48b0-b2cb-aff3b038618f","elementConfiguration":{"binding":"Form.Cigna_Confidentiality.Cigna_confidentiality","disableUpdates":false,"type":"text"}},{"type":"shape","id":"5dbaec42-b1c1-4407-8b0c-dacf25f09d94","elementConfiguration":{"binding":"Form.Cigna_Confidentiality.EvernorthConfidentiality","disableUpdates":false,"type":"text"}},{"type":"shape","id":"0447e1f6-357f-4723-a50c-574d54d7ab4a","elementConfiguration":{"binding":"Form.Cigna_Confidentiality.Cigna_confidentiality","disableUpdates":false,"type":"text"}},{"type":"shape","id":"c6ffe149-018d-4898-98e9-51ebc92a489c","elementConfiguration":{"binding":"Form.Cigna_Confidentiality.EvernorthConfidentiality","disableUpdates":false,"type":"text"}},{"type":"shape","id":"bddf949e-8a08-4915-a441-042d5562f3ee","elementConfiguration":{"binding":"Form.Cigna_Confidentiality.Cigna_confidentiality","disableUpdates":false,"type":"text"}},{"type":"shape","id":"c641d740-4d84-4762-8a58-242e834337a3","elementConfiguration":{"binding":"Form.Cigna_Confidentiality.EvernorthConfidentiality","disableUpdates":false,"type":"text"}},{"type":"shape","id":"e04f3f0b-e4d7-44cb-9089-8c57be0396b8","elementConfiguration":{"binding":"Form.Cigna_Confidentiality.Cigna_confidentiality","disableUpdates":false,"type":"text"}},{"type":"shape","id":"547ba180-6d7b-41b1-b4f8-ff8aa7f1b8d9","elementConfiguration":{"binding":"Form.Cigna_Confidentiality.EvernorthConfidentiality","disableUpdates":false,"type":"text"}},{"type":"shape","id":"86d0c498-3a14-4529-8832-63db9684a2ff","elementConfiguration":{"binding":"Form.Cigna_Confidentiality.Cigna_confidentiality","disableUpdates":false,"type":"text"}},{"type":"shape","id":"235c2134-719c-4ca7-91ea-c4623d069c35","elementConfiguration":{"binding":"Form.Cigna_Confidentiality.EvernorthConfidentiality","disableUpdates":false,"type":"text"}},{"type":"shape","id":"2e54a093-e819-42ea-bc33-4154b0cd7054","elementConfiguration":{"binding":"Form.Cigna_Confidentiality.Cigna_confidentiality","disableUpdates":false,"type":"text"}},{"type":"shape","id":"d9445c1d-6298-4ff1-932f-28d4c8702774","elementConfiguration":{"binding":"Form.Cigna_Confidentiality.EvernorthConfidentiality","disableUpdates":false,"type":"text"}},{"type":"shape","id":"15631e0e-255d-4ad4-b3f7-81df8b50f8bc","elementConfiguration":{"binding":"Form.Cigna_Confidentiality.Cigna_confidentiality","disableUpdates":false,"type":"text"}},{"type":"shape","id":"2dee36b9-9751-4ded-a149-85d8757825e3","elementConfiguration":{"binding":"Form.Cigna_Confidentiality.EvernorthConfidentiality","disableUpdates":false,"type":"text"}},{"type":"shape","id":"19aff1d1-d366-41dd-95a5-9798f8e71004","elementConfiguration":{"binding":"Form.Cigna_Confidentiality.Cigna_confidentiality","disableUpdates":false,"type":"text"}},{"type":"shape","id":"2caf9668-f89d-4bda-a5b9-61d472741e49","elementConfiguration":{"binding":"Form.Cigna_Confidentiality.EvernorthConfidentiality","disableUpdates":false,"type":"text"}},{"type":"shape","id":"b5d0465d-619b-4aa3-897f-ac62da73575c","elementConfiguration":{"binding":"Form.Cigna_Confidentiality.Cigna_confidentiality","disableUpdates":false,"type":"text"}},{"type":"shape","id":"b4e207ad-6d83-4c79-83ff-4003187b004f","elementConfiguration":{"binding":"Form.Cigna_Confidentiality.EvernorthConfidentiality","disableUpdates":false,"type":"text"}},{"type":"shape","id":"b8977812-2056-40dc-8898-3d3de5394739","elementConfiguration":{"binding":"Form.Cigna_Confidentiality.Cigna_confidentiality","disableUpdates":false,"type":"text"}},{"type":"shape","id":"b9617627-b491-4480-b334-b8b23bcefbf6","elementConfiguration":{"binding":"Form.Cigna_Confidentiality.EvernorthConfidentiality","disableUpdates":false,"type":"text"}},{"type":"shape","id":"09ebe668-4851-4c45-a3ed-9b10ee1dca6b","elementConfiguration":{"binding":"Form.Cigna_Confidentiality.Cigna_confidentiality","disableUpdates":false,"type":"text"}},{"type":"shape","id":"88aec523-185c-4e5d-a823-4f131765dae9","elementConfiguration":{"binding":"Form.Cigna_Confidentiality.EvernorthConfidentiality","disableUpdates":false,"type":"text"}},{"type":"shape","id":"5467599f-b744-4321-8b46-531200d33e90","elementConfiguration":{"binding":"Form.Cigna_Confidentiality.Cigna_confidentiality","disableUpdates":false,"type":"text"}},{"type":"shape","id":"c328b3a5-7a82-48ba-b4ca-a950acbc7a4f","elementConfiguration":{"binding":"Form.Cigna_Confidentiality.EvernorthConfidentiality","disableUpdates":false,"type":"text"}},{"type":"shape","id":"aae1d233-12d0-458e-8f5b-0b0c0ee073ea","elementConfiguration":{"binding":"Form.Cigna_Confidentiality.Cigna_confidentiality","disableUpdates":false,"type":"text"}},{"type":"shape","id":"0696453b-099a-48cc-901c-34f7c64ab139","elementConfiguration":{"binding":"Form.Cigna_Confidentiality.EvernorthConfidentiality","disableUpdates":false,"type":"text"}},{"type":"shape","id":"978ce250-14ca-4887-9b67-58a52e1173b4","elementConfiguration":{"binding":"Form.Cigna_Confidentiality.Cigna_confidentiality","disableUpdates":false,"type":"text"}}],"transformationConfigurations":[{"language":"{{DocumentLanguage}}","disableUpdates":false,"type":"proofingLanguage"}],"templateName":"","templateDescription":"","enableDocumentContentUpdater":true,"version":"1.12"}]]></TemplafyTemplateConfiguration>
</file>

<file path=customXml/item6.xml><?xml version="1.0" encoding="utf-8"?>
<TemplafyFormConfiguration><![CDATA[{"formFields":[{"dataSource":"Confidentiality","displayColumn":"cigna_confidentiality","defaultValue":"2","hideIfNoUserInteractionRequired":false,"distinct":true,"required":false,"autoSelectFirstOption":false,"helpTexts":{"prefix":"","postfix":""},"spacing":{},"type":"dropDown","name":"Cigna_Confidentiality","label":"Internal Stamp Only","fullyQualifiedName":"Cigna_Confidentiality"}],"formDataEntries":[{"name":"Cigna_Confidentiality","value":"aKBTu2fPbzfKbYCIYAfo4Q=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4C081D5-428B-472D-BCDF-DB206DE580DE}">
  <ds:schemaRefs/>
</ds:datastoreItem>
</file>

<file path=customXml/itemProps2.xml><?xml version="1.0" encoding="utf-8"?>
<ds:datastoreItem xmlns:ds="http://schemas.openxmlformats.org/officeDocument/2006/customXml" ds:itemID="{12546B32-2351-4076-83EF-E5A9B4AFAD40}">
  <ds:schemaRefs/>
</ds:datastoreItem>
</file>

<file path=customXml/itemProps3.xml><?xml version="1.0" encoding="utf-8"?>
<ds:datastoreItem xmlns:ds="http://schemas.openxmlformats.org/officeDocument/2006/customXml" ds:itemID="{69959F0B-2648-4794-8D32-9E1511ED07D7}">
  <ds:schemaRefs/>
</ds:datastoreItem>
</file>

<file path=customXml/itemProps4.xml><?xml version="1.0" encoding="utf-8"?>
<ds:datastoreItem xmlns:ds="http://schemas.openxmlformats.org/officeDocument/2006/customXml" ds:itemID="{DCB564C8-A237-475B-B0A2-F7FBB27790CC}">
  <ds:schemaRefs/>
</ds:datastoreItem>
</file>

<file path=customXml/itemProps5.xml><?xml version="1.0" encoding="utf-8"?>
<ds:datastoreItem xmlns:ds="http://schemas.openxmlformats.org/officeDocument/2006/customXml" ds:itemID="{9E4D2E6F-FE49-4FFB-A5F2-EDA5AAB1D111}">
  <ds:schemaRefs/>
</ds:datastoreItem>
</file>

<file path=customXml/itemProps6.xml><?xml version="1.0" encoding="utf-8"?>
<ds:datastoreItem xmlns:ds="http://schemas.openxmlformats.org/officeDocument/2006/customXml" ds:itemID="{180E6B4A-02B3-49EE-B6F9-C0FE6F86CE81}">
  <ds:schemaRefs/>
</ds:datastoreItem>
</file>

<file path=customXml/itemProps7.xml><?xml version="1.0" encoding="utf-8"?>
<ds:datastoreItem xmlns:ds="http://schemas.openxmlformats.org/officeDocument/2006/customXml" ds:itemID="{6D58C35B-A86D-4831-A748-0749BF4D8337}">
  <ds:schemaRefs/>
</ds:datastoreItem>
</file>

<file path=customXml/itemProps8.xml><?xml version="1.0" encoding="utf-8"?>
<ds:datastoreItem xmlns:ds="http://schemas.openxmlformats.org/officeDocument/2006/customXml" ds:itemID="{572020D8-0F8A-4694-A5D5-3FD346308DB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602</Words>
  <Application>Microsoft Office PowerPoint</Application>
  <PresentationFormat>Widescreen</PresentationFormat>
  <Paragraphs>85</Paragraphs>
  <Slides>8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3" baseType="lpstr">
      <vt:lpstr>Arial</vt:lpstr>
      <vt:lpstr>Arial Black</vt:lpstr>
      <vt:lpstr>Consolas</vt:lpstr>
      <vt:lpstr>Segoe UI</vt:lpstr>
      <vt:lpstr>Evernorth 16:9</vt:lpstr>
      <vt:lpstr>Personal Bluework Sessions</vt:lpstr>
      <vt:lpstr>Agenda</vt:lpstr>
      <vt:lpstr>Goal: Iterative Improvement</vt:lpstr>
      <vt:lpstr>So…What’s “Bluework”?</vt:lpstr>
      <vt:lpstr>So…What’s “Bluework”?</vt:lpstr>
      <vt:lpstr>How Phil Thinks about Personal Bluework</vt:lpstr>
      <vt:lpstr>Exampl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1-07-08T09:02:18Z</dcterms:created>
  <dcterms:modified xsi:type="dcterms:W3CDTF">2023-01-03T19:43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igna</vt:lpwstr>
  </property>
  <property fmtid="{D5CDD505-2E9C-101B-9397-08002B2CF9AE}" pid="3" name="TemplafyTemplateId">
    <vt:lpwstr>637473387261166379</vt:lpwstr>
  </property>
  <property fmtid="{D5CDD505-2E9C-101B-9397-08002B2CF9AE}" pid="4" name="TemplafyUserProfileId">
    <vt:lpwstr>637560228367785803</vt:lpwstr>
  </property>
  <property fmtid="{D5CDD505-2E9C-101B-9397-08002B2CF9AE}" pid="5" name="TemplafyLanguageCode">
    <vt:lpwstr>en-US</vt:lpwstr>
  </property>
</Properties>
</file>